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745\デスクトップ\★体制届\ホームページR6.6~用\"/>
    </mc:Choice>
  </mc:AlternateContent>
  <bookViews>
    <workbookView xWindow="0" yWindow="0" windowWidth="15345" windowHeight="4455" tabRatio="935"/>
  </bookViews>
  <sheets>
    <sheet name="別紙１-１ｰ２" sheetId="406" r:id="rId1"/>
    <sheet name="備考（1）" sheetId="300" r:id="rId2"/>
    <sheet name="別紙１ｰ２ｰ２" sheetId="407" r:id="rId3"/>
    <sheet name="備考（1－2）" sheetId="301" r:id="rId4"/>
    <sheet name="別紙１ｰ３ｰ２" sheetId="408" r:id="rId5"/>
    <sheet name="備考（1－3）" sheetId="302" r:id="rId6"/>
    <sheet name="別紙●24" sheetId="66" state="hidden" r:id="rId7"/>
  </sheets>
  <externalReferences>
    <externalReference r:id="rId8"/>
    <externalReference r:id="rId9"/>
    <externalReference r:id="rId10"/>
  </externalReferences>
  <definedNames>
    <definedName name="ｋ">#N/A</definedName>
    <definedName name="_xlnm.Print_Area" localSheetId="1">'備考（1）'!$A$1:$Q$79</definedName>
    <definedName name="_xlnm.Print_Area" localSheetId="3">'備考（1－2）'!$A$1:$O$49</definedName>
    <definedName name="_xlnm.Print_Area" localSheetId="5">'備考（1－3）'!$A$1:$L$45</definedName>
    <definedName name="_xlnm.Print_Area" localSheetId="6">#N/A</definedName>
    <definedName name="_xlnm.Print_Area" localSheetId="0">#N/A</definedName>
    <definedName name="_xlnm.Print_Area" localSheetId="2">別紙１ｰ２ｰ２!$A$1:$AF$16</definedName>
    <definedName name="_xlnm.Print_Area" localSheetId="4">別紙１ｰ３ｰ２!$A$1:$AF$541</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713" uniqueCount="505">
  <si>
    <t>（別紙１ー１－２）</t>
    <rPh sb="1" eb="3">
      <t>ベッシ</t>
    </rPh>
    <phoneticPr fontId="1"/>
  </si>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1"/>
  </si>
  <si>
    <t>事 業 所 番 号</t>
  </si>
  <si>
    <t>提供サービス</t>
    <phoneticPr fontId="1"/>
  </si>
  <si>
    <t>施設等の区分</t>
  </si>
  <si>
    <t>人員配置区分</t>
  </si>
  <si>
    <t>そ　 　　の　 　　他　　 　該　　 　当　　 　す 　　　る 　　　体 　　　制 　　　等</t>
    <phoneticPr fontId="1"/>
  </si>
  <si>
    <t>LIFEへの登録</t>
    <rPh sb="6" eb="8">
      <t>トウロク</t>
    </rPh>
    <phoneticPr fontId="1"/>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高齢者虐待防止措置実施の有無</t>
    <phoneticPr fontId="1"/>
  </si>
  <si>
    <t>１ 減算型</t>
    <phoneticPr fontId="1"/>
  </si>
  <si>
    <t>２ 基準型</t>
    <phoneticPr fontId="1"/>
  </si>
  <si>
    <t>１ なし</t>
    <phoneticPr fontId="1"/>
  </si>
  <si>
    <t>２ 加算Ⅰ</t>
    <phoneticPr fontId="1"/>
  </si>
  <si>
    <t>３ 加算Ⅱ</t>
    <phoneticPr fontId="1"/>
  </si>
  <si>
    <t>４ 加算Ⅲ</t>
    <phoneticPr fontId="1"/>
  </si>
  <si>
    <t>２ あり</t>
    <phoneticPr fontId="1"/>
  </si>
  <si>
    <t>訪問介護</t>
  </si>
  <si>
    <t>１　非該当</t>
    <phoneticPr fontId="1"/>
  </si>
  <si>
    <t>２　該当</t>
  </si>
  <si>
    <t>特別地域加算</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口腔連携強化加算</t>
    <rPh sb="0" eb="2">
      <t>コウクウ</t>
    </rPh>
    <rPh sb="2" eb="4">
      <t>レンケイ</t>
    </rPh>
    <rPh sb="4" eb="6">
      <t>キョウカ</t>
    </rPh>
    <rPh sb="6" eb="8">
      <t>カサン</t>
    </rPh>
    <phoneticPr fontId="1"/>
  </si>
  <si>
    <t>認知症専門ケア加算</t>
    <rPh sb="0" eb="3">
      <t>ニンチショウ</t>
    </rPh>
    <rPh sb="3" eb="5">
      <t>センモン</t>
    </rPh>
    <rPh sb="7" eb="9">
      <t>カサン</t>
    </rPh>
    <phoneticPr fontId="1"/>
  </si>
  <si>
    <t>介護職員等処遇改善加算</t>
    <phoneticPr fontId="2"/>
  </si>
  <si>
    <t>７ 加算Ⅰ</t>
    <phoneticPr fontId="1"/>
  </si>
  <si>
    <t>８ 加算Ⅱ</t>
    <rPh sb="2" eb="4">
      <t>カサン</t>
    </rPh>
    <phoneticPr fontId="1"/>
  </si>
  <si>
    <t>９ 加算Ⅲ</t>
    <phoneticPr fontId="1"/>
  </si>
  <si>
    <t>Ａ 加算Ⅳ</t>
    <phoneticPr fontId="1"/>
  </si>
  <si>
    <t>Ｂ 加算Ⅴ(１)</t>
    <phoneticPr fontId="1"/>
  </si>
  <si>
    <t>Ｃ 加算Ⅴ(２)</t>
    <phoneticPr fontId="1"/>
  </si>
  <si>
    <t>Ｄ 加算Ⅴ(３)</t>
    <phoneticPr fontId="1"/>
  </si>
  <si>
    <t>Ｅ 加算Ⅴ(４)</t>
    <phoneticPr fontId="1"/>
  </si>
  <si>
    <t>Ｆ 加算Ⅴ(５)</t>
    <phoneticPr fontId="1"/>
  </si>
  <si>
    <t>Ｇ 加算Ⅴ(６)</t>
    <phoneticPr fontId="1"/>
  </si>
  <si>
    <t>Ｈ 加算Ⅴ(７)</t>
    <phoneticPr fontId="1"/>
  </si>
  <si>
    <t>Ｊ 加算Ⅴ(８)</t>
    <phoneticPr fontId="1"/>
  </si>
  <si>
    <t>Ｋ 加算Ⅴ(９)</t>
    <phoneticPr fontId="1"/>
  </si>
  <si>
    <t>Ｌ 加算Ⅴ(１０)</t>
    <phoneticPr fontId="1"/>
  </si>
  <si>
    <t>Ｍ 加算Ⅴ(１１)</t>
    <phoneticPr fontId="1"/>
  </si>
  <si>
    <t>Ｎ 加算Ⅴ(１２)</t>
    <phoneticPr fontId="1"/>
  </si>
  <si>
    <t>Ｐ 加算Ⅴ(１３)</t>
    <phoneticPr fontId="1"/>
  </si>
  <si>
    <t>Ｒ 加算Ⅴ(１４)</t>
    <phoneticPr fontId="1"/>
  </si>
  <si>
    <t>３ 加算Ⅰ</t>
    <phoneticPr fontId="1"/>
  </si>
  <si>
    <t>２ 加算Ⅱ</t>
    <phoneticPr fontId="1"/>
  </si>
  <si>
    <t>１ 対応不可</t>
    <rPh sb="2" eb="4">
      <t>タイオウ</t>
    </rPh>
    <rPh sb="4" eb="6">
      <t>フカ</t>
    </rPh>
    <phoneticPr fontId="1"/>
  </si>
  <si>
    <t>２ 対応可</t>
    <phoneticPr fontId="1"/>
  </si>
  <si>
    <t>専門管理加算</t>
    <rPh sb="0" eb="2">
      <t>センモン</t>
    </rPh>
    <rPh sb="2" eb="4">
      <t>カンリ</t>
    </rPh>
    <rPh sb="4" eb="6">
      <t>カサン</t>
    </rPh>
    <phoneticPr fontId="2"/>
  </si>
  <si>
    <t>遠隔死亡診断補助加算</t>
    <rPh sb="0" eb="2">
      <t>エンカク</t>
    </rPh>
    <rPh sb="2" eb="4">
      <t>シボウ</t>
    </rPh>
    <rPh sb="4" eb="6">
      <t>シンダン</t>
    </rPh>
    <rPh sb="6" eb="8">
      <t>ホジョ</t>
    </rPh>
    <rPh sb="8" eb="10">
      <t>カサン</t>
    </rPh>
    <phoneticPr fontId="2"/>
  </si>
  <si>
    <t>特別地域加算</t>
    <rPh sb="0" eb="2">
      <t>トクベツ</t>
    </rPh>
    <rPh sb="2" eb="4">
      <t>チイキ</t>
    </rPh>
    <rPh sb="4" eb="6">
      <t>カサン</t>
    </rPh>
    <phoneticPr fontId="1"/>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
  </si>
  <si>
    <t>４ 加算Ⅱ</t>
    <phoneticPr fontId="1"/>
  </si>
  <si>
    <t>職員の欠員による減算の状況</t>
  </si>
  <si>
    <t>２ 看護職員</t>
    <rPh sb="2" eb="4">
      <t>カンゴ</t>
    </rPh>
    <rPh sb="4" eb="6">
      <t>ショクイン</t>
    </rPh>
    <phoneticPr fontId="1"/>
  </si>
  <si>
    <t>３ 介護職員</t>
    <rPh sb="2" eb="4">
      <t>カイゴ</t>
    </rPh>
    <rPh sb="4" eb="6">
      <t>ショクイン</t>
    </rPh>
    <phoneticPr fontId="1"/>
  </si>
  <si>
    <t>業務継続計画策定の有無</t>
    <phoneticPr fontId="1"/>
  </si>
  <si>
    <t>感染症又は災害の発生を理由とする利用者数の減少が一定以上生じている場合の対応</t>
    <phoneticPr fontId="1"/>
  </si>
  <si>
    <t>時間延長サービス体制</t>
  </si>
  <si>
    <t>共生型サービスの提供
（生活介護事業所）</t>
    <rPh sb="0" eb="3">
      <t>キョウセイガタ</t>
    </rPh>
    <rPh sb="8" eb="10">
      <t>テイキョウ</t>
    </rPh>
    <rPh sb="16" eb="18">
      <t>ジギョウ</t>
    </rPh>
    <rPh sb="18" eb="19">
      <t>ショ</t>
    </rPh>
    <phoneticPr fontId="1"/>
  </si>
  <si>
    <t>共生型サービスの提供
（自立訓練事業所）</t>
    <rPh sb="0" eb="3">
      <t>キョウセイガタ</t>
    </rPh>
    <rPh sb="8" eb="10">
      <t>テイキョウ</t>
    </rPh>
    <rPh sb="16" eb="19">
      <t>ジギョウショ</t>
    </rPh>
    <phoneticPr fontId="1"/>
  </si>
  <si>
    <t>共生型サービスの提供
（児童発達支援事業所）</t>
    <rPh sb="0" eb="3">
      <t>キョウセイガタ</t>
    </rPh>
    <rPh sb="8" eb="10">
      <t>テイキョウ</t>
    </rPh>
    <rPh sb="18" eb="20">
      <t>ジギョウ</t>
    </rPh>
    <rPh sb="20" eb="21">
      <t>ショ</t>
    </rPh>
    <phoneticPr fontId="1"/>
  </si>
  <si>
    <t>共生型サービスの提供
（放課後等デイサービス事業所）</t>
    <rPh sb="0" eb="3">
      <t>キョウセイガタ</t>
    </rPh>
    <rPh sb="8" eb="10">
      <t>テイキョウ</t>
    </rPh>
    <rPh sb="22" eb="25">
      <t>ジギョウショ</t>
    </rPh>
    <phoneticPr fontId="1"/>
  </si>
  <si>
    <t>通所介護</t>
  </si>
  <si>
    <t>入浴介助加算</t>
    <phoneticPr fontId="1"/>
  </si>
  <si>
    <t>２ 加算Ⅰイ</t>
    <phoneticPr fontId="1"/>
  </si>
  <si>
    <t>３ 加算Ⅰロ</t>
    <phoneticPr fontId="1"/>
  </si>
  <si>
    <t>認知症加算</t>
    <rPh sb="0" eb="3">
      <t>ニンチショウ</t>
    </rPh>
    <rPh sb="3" eb="5">
      <t>カサン</t>
    </rPh>
    <phoneticPr fontId="1"/>
  </si>
  <si>
    <t>若年性認知症利用者受入加算</t>
    <rPh sb="6" eb="9">
      <t>リヨウシャ</t>
    </rPh>
    <rPh sb="9" eb="11">
      <t>ウケイレ</t>
    </rPh>
    <rPh sb="11" eb="13">
      <t>カサン</t>
    </rPh>
    <phoneticPr fontId="1"/>
  </si>
  <si>
    <t>栄養アセスメント・栄養改善体制</t>
    <phoneticPr fontId="1"/>
  </si>
  <si>
    <t>口腔機能向上加算</t>
    <rPh sb="6" eb="8">
      <t>カサン</t>
    </rPh>
    <phoneticPr fontId="1"/>
  </si>
  <si>
    <t>科学的介護推進体制加算</t>
    <rPh sb="0" eb="3">
      <t>カガクテキ</t>
    </rPh>
    <rPh sb="3" eb="5">
      <t>カイゴ</t>
    </rPh>
    <rPh sb="5" eb="7">
      <t>スイシン</t>
    </rPh>
    <rPh sb="7" eb="9">
      <t>タイセイ</t>
    </rPh>
    <rPh sb="9" eb="11">
      <t>カサン</t>
    </rPh>
    <phoneticPr fontId="1"/>
  </si>
  <si>
    <t>サービス提供体制強化加算</t>
    <rPh sb="4" eb="6">
      <t>テイキョウ</t>
    </rPh>
    <rPh sb="6" eb="8">
      <t>タイセイ</t>
    </rPh>
    <rPh sb="8" eb="10">
      <t>キョウカ</t>
    </rPh>
    <rPh sb="10" eb="12">
      <t>カサン</t>
    </rPh>
    <phoneticPr fontId="1"/>
  </si>
  <si>
    <t>６ 加算Ⅰ</t>
    <phoneticPr fontId="1"/>
  </si>
  <si>
    <t>５ 加算Ⅱ</t>
    <phoneticPr fontId="1"/>
  </si>
  <si>
    <t>７ 加算Ⅲ</t>
    <phoneticPr fontId="1"/>
  </si>
  <si>
    <t>職員の欠員による減算の状況</t>
    <phoneticPr fontId="1"/>
  </si>
  <si>
    <t>中重度者ケア体制加算</t>
    <phoneticPr fontId="1"/>
  </si>
  <si>
    <t>５ 加算Ⅰ</t>
    <phoneticPr fontId="1"/>
  </si>
  <si>
    <t>６ 加算Ⅲ</t>
    <phoneticPr fontId="1"/>
  </si>
  <si>
    <t>１ 基準型</t>
    <rPh sb="2" eb="4">
      <t>キジュン</t>
    </rPh>
    <rPh sb="4" eb="5">
      <t>ガタ</t>
    </rPh>
    <phoneticPr fontId="1"/>
  </si>
  <si>
    <t>６ 減算型</t>
    <rPh sb="2" eb="4">
      <t>ゲンサン</t>
    </rPh>
    <rPh sb="4" eb="5">
      <t>ガタ</t>
    </rPh>
    <phoneticPr fontId="1"/>
  </si>
  <si>
    <t>ユニットケア体制</t>
    <rPh sb="6" eb="8">
      <t>タイセイ</t>
    </rPh>
    <phoneticPr fontId="1"/>
  </si>
  <si>
    <t>生活相談員配置等加算</t>
    <rPh sb="0" eb="2">
      <t>セイカツ</t>
    </rPh>
    <rPh sb="2" eb="5">
      <t>ソウダンイン</t>
    </rPh>
    <rPh sb="5" eb="7">
      <t>ハイチ</t>
    </rPh>
    <rPh sb="7" eb="8">
      <t>トウ</t>
    </rPh>
    <rPh sb="8" eb="10">
      <t>カサン</t>
    </rPh>
    <phoneticPr fontId="1"/>
  </si>
  <si>
    <t>生活機能向上連携加算</t>
    <phoneticPr fontId="1"/>
  </si>
  <si>
    <t>夜勤職員配置加算</t>
    <rPh sb="0" eb="2">
      <t>ヤキン</t>
    </rPh>
    <rPh sb="2" eb="4">
      <t>ショクイン</t>
    </rPh>
    <rPh sb="4" eb="6">
      <t>ハイチ</t>
    </rPh>
    <rPh sb="6" eb="8">
      <t>カサン</t>
    </rPh>
    <phoneticPr fontId="1"/>
  </si>
  <si>
    <t>２ 加算Ⅰ・加算Ⅱ</t>
    <rPh sb="6" eb="8">
      <t>カサン</t>
    </rPh>
    <phoneticPr fontId="1"/>
  </si>
  <si>
    <t>テクノロジーの導入
（夜勤職員配置加算関係）</t>
    <rPh sb="7" eb="9">
      <t>ドウニュウ</t>
    </rPh>
    <rPh sb="11" eb="13">
      <t>ヤキン</t>
    </rPh>
    <rPh sb="13" eb="15">
      <t>ショクイン</t>
    </rPh>
    <rPh sb="15" eb="17">
      <t>ハイチ</t>
    </rPh>
    <rPh sb="17" eb="19">
      <t>カサン</t>
    </rPh>
    <rPh sb="19" eb="21">
      <t>カンケイ</t>
    </rPh>
    <phoneticPr fontId="1"/>
  </si>
  <si>
    <t>１　単独型</t>
  </si>
  <si>
    <t>療養食加算</t>
    <rPh sb="0" eb="2">
      <t>リョウヨウ</t>
    </rPh>
    <rPh sb="2" eb="3">
      <t>ショク</t>
    </rPh>
    <rPh sb="3" eb="5">
      <t>カサン</t>
    </rPh>
    <phoneticPr fontId="1"/>
  </si>
  <si>
    <t>生産性向上推進体制加算</t>
    <phoneticPr fontId="1"/>
  </si>
  <si>
    <t>夜間勤務条件基準</t>
  </si>
  <si>
    <t>２ 減算型</t>
    <rPh sb="2" eb="4">
      <t>ゲンサン</t>
    </rPh>
    <rPh sb="4" eb="5">
      <t>ガタ</t>
    </rPh>
    <phoneticPr fontId="1"/>
  </si>
  <si>
    <t>２　Ⅱ型</t>
  </si>
  <si>
    <t>１　Ⅰ型</t>
  </si>
  <si>
    <t>身体拘束廃止取組の有無</t>
    <phoneticPr fontId="1"/>
  </si>
  <si>
    <t>２ 基準型</t>
    <rPh sb="2" eb="4">
      <t>キジュン</t>
    </rPh>
    <rPh sb="4" eb="5">
      <t>ガタ</t>
    </rPh>
    <phoneticPr fontId="1"/>
  </si>
  <si>
    <t>個別機能訓練加算</t>
    <rPh sb="0" eb="2">
      <t>コベツ</t>
    </rPh>
    <rPh sb="6" eb="8">
      <t>カサン</t>
    </rPh>
    <phoneticPr fontId="1"/>
  </si>
  <si>
    <t>夜間看護体制加算</t>
    <rPh sb="0" eb="2">
      <t>ヤカン</t>
    </rPh>
    <rPh sb="2" eb="4">
      <t>カンゴ</t>
    </rPh>
    <rPh sb="4" eb="6">
      <t>タイセイ</t>
    </rPh>
    <rPh sb="6" eb="8">
      <t>カサン</t>
    </rPh>
    <phoneticPr fontId="1"/>
  </si>
  <si>
    <t>３ 加算Ⅰ</t>
    <rPh sb="2" eb="4">
      <t>カサン</t>
    </rPh>
    <phoneticPr fontId="1"/>
  </si>
  <si>
    <t>２ 加算Ⅱ</t>
    <rPh sb="2" eb="4">
      <t>カサン</t>
    </rPh>
    <phoneticPr fontId="1"/>
  </si>
  <si>
    <t>若年性認知症入居者受入加算</t>
    <phoneticPr fontId="1"/>
  </si>
  <si>
    <t>看取り介護加算</t>
    <rPh sb="0" eb="2">
      <t>ミト</t>
    </rPh>
    <rPh sb="3" eb="5">
      <t>カイゴ</t>
    </rPh>
    <rPh sb="5" eb="7">
      <t>カサン</t>
    </rPh>
    <phoneticPr fontId="1"/>
  </si>
  <si>
    <t>高齢者施設等感染対策向上加算Ⅰ</t>
    <phoneticPr fontId="1"/>
  </si>
  <si>
    <t>高齢者施設等感染対策向上加算Ⅱ</t>
    <phoneticPr fontId="1"/>
  </si>
  <si>
    <t>特別地域加算</t>
    <phoneticPr fontId="1"/>
  </si>
  <si>
    <t>福祉用具貸与</t>
  </si>
  <si>
    <t>ケアプランデータ連携システムの活用及び事務職員の配置の体制</t>
    <rPh sb="8" eb="10">
      <t>レンケイ</t>
    </rPh>
    <rPh sb="15" eb="17">
      <t>カツヨウ</t>
    </rPh>
    <rPh sb="17" eb="18">
      <t>オヨ</t>
    </rPh>
    <rPh sb="19" eb="21">
      <t>ジム</t>
    </rPh>
    <rPh sb="21" eb="23">
      <t>ショクイン</t>
    </rPh>
    <rPh sb="24" eb="26">
      <t>ハイチ</t>
    </rPh>
    <rPh sb="27" eb="29">
      <t>タイセイ</t>
    </rPh>
    <phoneticPr fontId="1"/>
  </si>
  <si>
    <t>特別地域加算</t>
  </si>
  <si>
    <t>居宅介護支援</t>
  </si>
  <si>
    <t>２　該当</t>
    <phoneticPr fontId="1"/>
  </si>
  <si>
    <t>特定事業所集中減算</t>
    <rPh sb="0" eb="2">
      <t>トクテイ</t>
    </rPh>
    <rPh sb="2" eb="5">
      <t>ジギョウショ</t>
    </rPh>
    <rPh sb="5" eb="7">
      <t>シュウチュウ</t>
    </rPh>
    <rPh sb="7" eb="9">
      <t>ゲンサン</t>
    </rPh>
    <phoneticPr fontId="1"/>
  </si>
  <si>
    <t>特定事業所加算</t>
    <rPh sb="2" eb="5">
      <t>ジギョウショ</t>
    </rPh>
    <rPh sb="5" eb="7">
      <t>カサン</t>
    </rPh>
    <phoneticPr fontId="1"/>
  </si>
  <si>
    <t>５ 加算Ａ</t>
    <phoneticPr fontId="1"/>
  </si>
  <si>
    <t>特定事業所医療介護連携加算</t>
    <rPh sb="0" eb="5">
      <t>トクテイジギョウショ</t>
    </rPh>
    <phoneticPr fontId="1"/>
  </si>
  <si>
    <t>ターミナルケアマネジメント加算</t>
    <rPh sb="13" eb="15">
      <t>カサン</t>
    </rPh>
    <phoneticPr fontId="1"/>
  </si>
  <si>
    <t>安全管理体制</t>
    <rPh sb="0" eb="2">
      <t>アンゼン</t>
    </rPh>
    <rPh sb="2" eb="4">
      <t>カンリ</t>
    </rPh>
    <rPh sb="4" eb="6">
      <t>タイセイ</t>
    </rPh>
    <phoneticPr fontId="1"/>
  </si>
  <si>
    <t>栄養ケア・マネジメントの
実施の有無</t>
    <rPh sb="0" eb="2">
      <t>エイヨウ</t>
    </rPh>
    <rPh sb="13" eb="15">
      <t>ジッシ</t>
    </rPh>
    <rPh sb="16" eb="18">
      <t>ウム</t>
    </rPh>
    <phoneticPr fontId="1"/>
  </si>
  <si>
    <t>日常生活継続支援加算</t>
    <rPh sb="0" eb="2">
      <t>ニチジョウ</t>
    </rPh>
    <rPh sb="2" eb="4">
      <t>セイカツ</t>
    </rPh>
    <rPh sb="4" eb="6">
      <t>ケイゾク</t>
    </rPh>
    <rPh sb="6" eb="8">
      <t>シエン</t>
    </rPh>
    <rPh sb="8" eb="10">
      <t>カサン</t>
    </rPh>
    <phoneticPr fontId="1"/>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1"/>
  </si>
  <si>
    <t>看護体制加算Ⅰ</t>
    <rPh sb="0" eb="2">
      <t>カンゴ</t>
    </rPh>
    <rPh sb="2" eb="4">
      <t>タイセイ</t>
    </rPh>
    <rPh sb="4" eb="6">
      <t>カサン</t>
    </rPh>
    <phoneticPr fontId="1"/>
  </si>
  <si>
    <t>看護体制加算Ⅱ</t>
    <rPh sb="0" eb="2">
      <t>カンゴ</t>
    </rPh>
    <rPh sb="2" eb="4">
      <t>タイセイ</t>
    </rPh>
    <rPh sb="4" eb="6">
      <t>カサン</t>
    </rPh>
    <phoneticPr fontId="1"/>
  </si>
  <si>
    <t>３ 加算Ⅲ・加算Ⅳ</t>
    <rPh sb="6" eb="8">
      <t>カサン</t>
    </rPh>
    <phoneticPr fontId="1"/>
  </si>
  <si>
    <t>準ユニットケア体制</t>
    <rPh sb="0" eb="1">
      <t>ジュン</t>
    </rPh>
    <rPh sb="7" eb="9">
      <t>タイセイ</t>
    </rPh>
    <phoneticPr fontId="1"/>
  </si>
  <si>
    <t>５ 加算Ⅲ</t>
    <rPh sb="2" eb="4">
      <t>カサン</t>
    </rPh>
    <phoneticPr fontId="1"/>
  </si>
  <si>
    <t>常勤専従医師配置</t>
  </si>
  <si>
    <t>精神科医師定期的療養指導</t>
  </si>
  <si>
    <t>栄養マネジメント強化体制</t>
    <rPh sb="0" eb="2">
      <t>エイヨウ</t>
    </rPh>
    <rPh sb="8" eb="10">
      <t>キョウカ</t>
    </rPh>
    <rPh sb="10" eb="12">
      <t>タイセイ</t>
    </rPh>
    <phoneticPr fontId="1"/>
  </si>
  <si>
    <t>配置医師緊急時対応加算</t>
    <rPh sb="6" eb="7">
      <t>ジ</t>
    </rPh>
    <phoneticPr fontId="1"/>
  </si>
  <si>
    <t>看取り介護体制</t>
    <rPh sb="0" eb="2">
      <t>ミト</t>
    </rPh>
    <rPh sb="3" eb="5">
      <t>カイゴ</t>
    </rPh>
    <rPh sb="5" eb="7">
      <t>タイセイ</t>
    </rPh>
    <phoneticPr fontId="1"/>
  </si>
  <si>
    <t>在宅・入所相互利用体制</t>
    <rPh sb="0" eb="2">
      <t>ザイタク</t>
    </rPh>
    <rPh sb="3" eb="5">
      <t>ニュウショ</t>
    </rPh>
    <rPh sb="5" eb="7">
      <t>ソウゴ</t>
    </rPh>
    <rPh sb="7" eb="9">
      <t>リヨウ</t>
    </rPh>
    <rPh sb="9" eb="11">
      <t>タイセイ</t>
    </rPh>
    <phoneticPr fontId="1"/>
  </si>
  <si>
    <t>認知症チームケア推進加算</t>
    <phoneticPr fontId="1"/>
  </si>
  <si>
    <t>褥瘡マネジメント加算</t>
    <phoneticPr fontId="1"/>
  </si>
  <si>
    <t>排せつ支援加算</t>
    <rPh sb="0" eb="1">
      <t>ハイ</t>
    </rPh>
    <rPh sb="3" eb="5">
      <t>シエン</t>
    </rPh>
    <rPh sb="5" eb="7">
      <t>カサン</t>
    </rPh>
    <phoneticPr fontId="1"/>
  </si>
  <si>
    <t>自立支援促進加算</t>
    <rPh sb="0" eb="2">
      <t>ジリツ</t>
    </rPh>
    <rPh sb="2" eb="4">
      <t>シエン</t>
    </rPh>
    <rPh sb="4" eb="6">
      <t>ソクシン</t>
    </rPh>
    <rPh sb="6" eb="8">
      <t>カサン</t>
    </rPh>
    <phoneticPr fontId="1"/>
  </si>
  <si>
    <t>安全対策体制</t>
    <rPh sb="0" eb="2">
      <t>アンゼン</t>
    </rPh>
    <rPh sb="2" eb="4">
      <t>タイサク</t>
    </rPh>
    <rPh sb="4" eb="6">
      <t>タイセイ</t>
    </rPh>
    <phoneticPr fontId="1"/>
  </si>
  <si>
    <t>ターミナルケア体制</t>
    <rPh sb="7" eb="9">
      <t>タイセイ</t>
    </rPh>
    <phoneticPr fontId="1"/>
  </si>
  <si>
    <t>若年性認知症入所者受入加算</t>
    <rPh sb="0" eb="3">
      <t>ジャクネンセイ</t>
    </rPh>
    <rPh sb="3" eb="6">
      <t>ニンチショウ</t>
    </rPh>
    <rPh sb="6" eb="9">
      <t>ニュウショシャ</t>
    </rPh>
    <rPh sb="9" eb="11">
      <t>ウケイレ</t>
    </rPh>
    <rPh sb="11" eb="13">
      <t>カサン</t>
    </rPh>
    <phoneticPr fontId="1"/>
  </si>
  <si>
    <r>
      <t>介 護 給 付 費 算 定 に 係 る 体 制 等 状 況 一 覧 表</t>
    </r>
    <r>
      <rPr>
        <sz val="14"/>
        <rFont val="HGSｺﾞｼｯｸM"/>
        <family val="3"/>
        <charset val="128"/>
      </rPr>
      <t>（主たる事業所の所在地以外の場所で一部実施する場合の出張所等の状況）</t>
    </r>
    <phoneticPr fontId="1"/>
  </si>
  <si>
    <t>提供サービス</t>
  </si>
  <si>
    <t>個別機能訓練加算</t>
    <phoneticPr fontId="1"/>
  </si>
  <si>
    <t>ADL維持等加算〔申出〕の有無</t>
    <phoneticPr fontId="1"/>
  </si>
  <si>
    <t>備考　１　この表は、事業所所在地以外の場所で一部事業を実施する出張所等がある場合について記載することとし、複数出張所等を有する場合は出張所ごとに提出してください。</t>
    <phoneticPr fontId="1"/>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1"/>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1"/>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1"/>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1"/>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1"/>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1"/>
  </si>
  <si>
    <t>　　　　（別紙8）を添付して下さい。</t>
    <phoneticPr fontId="1"/>
  </si>
  <si>
    <t>　　　８　人員配置に係る届出については、勤務体制がわかる書類（「従業者の勤務の体制及び勤務形態一覧表」（別紙７）又はこれに準じた勤務割表等）を添付してください。</t>
    <phoneticPr fontId="1"/>
  </si>
  <si>
    <t>　　　９ 「割引｣を｢あり｣と記載する場合は「指定居宅サービス事業所等による介護給付費の割引に係る割引率の設定について」（別紙５）を添付してください。</t>
    <rPh sb="33" eb="34">
      <t>ショ</t>
    </rPh>
    <phoneticPr fontId="1"/>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1"/>
  </si>
  <si>
    <t>　　　　　また、「認知症チームケア推進加算」については、「認知症チームケア推進加算に係る届出書」（別紙40）を添付してください。</t>
    <phoneticPr fontId="1"/>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1"/>
  </si>
  <si>
    <t>　　　12 「看護体制強化加算」については、「看護体制強化加算に係る届出書」（別紙19）を添付してください。</t>
    <phoneticPr fontId="1"/>
  </si>
  <si>
    <t>　　　13「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リハビリテーションの加算状況」…リハビリテーション従事者、</t>
    <phoneticPr fontId="1"/>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1"/>
  </si>
  <si>
    <t>　　　15 「生活相談員配置等加算」については、「生活相談員配置等加算に係る届出書」（別紙21）を添付してください。</t>
    <phoneticPr fontId="1"/>
  </si>
  <si>
    <t>　　　16 　「入浴介助加算」については、「浴室の平面図等」及び入浴介助加算（Ⅰ）の要件である研修を実施または、実施することが分かる資料等を添付してください。</t>
    <phoneticPr fontId="1"/>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1"/>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1"/>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1"/>
  </si>
  <si>
    <t>　　　20 「送迎体制」については、実際に利用者の送迎が可能な場合に記載してください。</t>
    <phoneticPr fontId="1"/>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1"/>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看取り介護加算」については、「看取り介護体制に係る届出書」（別紙34－2）を添付してください。</t>
    <phoneticPr fontId="1"/>
  </si>
  <si>
    <t>　　　　　また、「看取り連携体制加算」については、「看取り連携体制加算に係る届出書」（別紙13）を添付してください。</t>
    <phoneticPr fontId="1"/>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1"/>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1"/>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7「特定診療費項目」「リハビリテーション提供体制」については、これらに相当する診療報酬の算定のために届け出た届出書の写しを添付してください。</t>
    <phoneticPr fontId="1"/>
  </si>
  <si>
    <t>　　　28 「職員の欠員による減算の状況」については、以下の要領で記載してください。</t>
    <phoneticPr fontId="1"/>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1"/>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1"/>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1"/>
  </si>
  <si>
    <t>　　　　　　　　　　ただし、事業所・施設が以下の地域に所在する場合は、「その他該当する体制等」欄のみ選択する。（人員配置区分欄の変更は行わない。）</t>
  </si>
  <si>
    <t>　　　　　　　　　　＜厚生労働大臣が定める地域＞</t>
    <rPh sb="13" eb="15">
      <t>ロウドウ</t>
    </rPh>
    <phoneticPr fontId="1"/>
  </si>
  <si>
    <t>　　　　　　　　　　　厚生労働大臣が定める地域は、人口５万人未満の市町村であって次に掲げる地域をその区域内に有する市町村の区域とする。</t>
    <rPh sb="13" eb="15">
      <t>ロウドウ</t>
    </rPh>
    <phoneticPr fontId="1"/>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1"/>
  </si>
  <si>
    <t>　　　　　　　　（（１）が優先する。）</t>
  </si>
  <si>
    <t>　　　　　　　　ウ　介護支援専門員（病院において従事する者に限る。）の欠員…「その他該当する体制等」欄の介護支援専門員を選択する。</t>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
　　　　</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1"/>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1"/>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1"/>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1"/>
  </si>
  <si>
    <t>　　　37「高齢者施設等感染対策向上加算Ⅰ」 「高齢者施設等感染対策向上加算Ⅱ」については、「高齢者施設等感染対策向上加算に係る届出書」（別紙35）を添付してください。</t>
    <phoneticPr fontId="1"/>
  </si>
  <si>
    <t>　　　38「専門管理加算」については、「専門管理加算に係る届出書」（様式17）を添付してください。</t>
    <phoneticPr fontId="1"/>
  </si>
  <si>
    <t>　　　39「遠隔死亡診断補助加算」については、「遠隔死亡診断補助加算に係る届出書」（別紙18）を添付してください。</t>
    <phoneticPr fontId="1"/>
  </si>
  <si>
    <t>　　　40「生産性向上推進体制加算」については、「生産性向上推進体制加算に係る届出書」（別紙28）を添付してください。</t>
    <phoneticPr fontId="1"/>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1"/>
  </si>
  <si>
    <t>　　　42「ケアプランデータ連携システムの活用及び事務職員の配置の体制」については、要件を満たし、かつ居宅介護支援費（Ⅱ）を算定する場合は「２　あり」を選択してください。</t>
    <phoneticPr fontId="1"/>
  </si>
  <si>
    <t>　　　43「口腔連携強化加算」については、「口腔連携強化加算に関する届出書」（別紙11）を添付してください。</t>
    <phoneticPr fontId="1"/>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1"/>
  </si>
  <si>
    <t>　　２　介護老人保健施設に係る届出をした場合には、短期入所療養介護における届出事項で介護老人保健施設の届出と重複するものの届出は不要です。</t>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1"/>
  </si>
  <si>
    <t>　　４　短期入所療養介護にあっては、同一の施設区分で事業の実施が複数の病棟にわたる場合は、病棟ごとに届け出てください。</t>
    <phoneticPr fontId="1"/>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1"/>
  </si>
  <si>
    <t>備考　１　この表は、事業所所在地以外の場所で一部事業を実施する出張所等がある場合について記載することとし、複数出張所等を有する場合は出張所ごとに提出してください。</t>
  </si>
  <si>
    <t>（別紙１－２－２）</t>
    <phoneticPr fontId="1"/>
  </si>
  <si>
    <t>介 護 給 付 費 算 定 に 係 る 体 制 等 状 況 一 覧 表 （介護予防サービス）</t>
    <rPh sb="37" eb="38">
      <t>スケ</t>
    </rPh>
    <rPh sb="38" eb="39">
      <t>ユズル</t>
    </rPh>
    <rPh sb="39" eb="40">
      <t>ヨ</t>
    </rPh>
    <rPh sb="40" eb="41">
      <t>ボウ</t>
    </rPh>
    <phoneticPr fontId="1"/>
  </si>
  <si>
    <t>そ　 　　の　 　　他　　 　該　　 　当　　 　す 　　　る 　　　体 　　　制 　　　等</t>
  </si>
  <si>
    <t>介護予防訪問入浴介護</t>
    <rPh sb="0" eb="2">
      <t>カイゴ</t>
    </rPh>
    <rPh sb="2" eb="4">
      <t>ヨボウ</t>
    </rPh>
    <phoneticPr fontId="1"/>
  </si>
  <si>
    <t>看護体制強化加算</t>
    <rPh sb="0" eb="2">
      <t>カンゴ</t>
    </rPh>
    <rPh sb="2" eb="4">
      <t>タイセイ</t>
    </rPh>
    <rPh sb="4" eb="6">
      <t>キョウカ</t>
    </rPh>
    <rPh sb="6" eb="8">
      <t>カサン</t>
    </rPh>
    <phoneticPr fontId="1"/>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若年性認知症利用者受入加算</t>
    <rPh sb="0" eb="3">
      <t>ジャクネンセイ</t>
    </rPh>
    <rPh sb="3" eb="6">
      <t>ニンチショウ</t>
    </rPh>
    <rPh sb="6" eb="9">
      <t>リヨウシャ</t>
    </rPh>
    <rPh sb="9" eb="11">
      <t>ウケイレ</t>
    </rPh>
    <rPh sb="11" eb="13">
      <t>カサン</t>
    </rPh>
    <phoneticPr fontId="1"/>
  </si>
  <si>
    <t>介護予防短期入所生活介護</t>
    <rPh sb="0" eb="2">
      <t>カイゴ</t>
    </rPh>
    <rPh sb="2" eb="4">
      <t>ヨボウ</t>
    </rPh>
    <phoneticPr fontId="1"/>
  </si>
  <si>
    <t>１　有料老人ホーム</t>
  </si>
  <si>
    <t>２　軽費老人ホーム</t>
  </si>
  <si>
    <t>３　養護老人ホーム</t>
  </si>
  <si>
    <t>１　なし</t>
    <phoneticPr fontId="1"/>
  </si>
  <si>
    <t>介護予防支援</t>
    <rPh sb="0" eb="2">
      <t>カイゴ</t>
    </rPh>
    <rPh sb="2" eb="4">
      <t>ヨボウ</t>
    </rPh>
    <rPh sb="4" eb="6">
      <t>シエン</t>
    </rPh>
    <phoneticPr fontId="1"/>
  </si>
  <si>
    <t>１　地域包括支援センター</t>
    <phoneticPr fontId="1"/>
  </si>
  <si>
    <t>２　居宅介護支援事業者</t>
    <phoneticPr fontId="1"/>
  </si>
  <si>
    <t>備考　（別紙１－２）介護予防サービス</t>
    <rPh sb="0" eb="2">
      <t>ビコウ</t>
    </rPh>
    <rPh sb="10" eb="12">
      <t>カイゴ</t>
    </rPh>
    <rPh sb="12" eb="14">
      <t>ヨボウ</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1"/>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1"/>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1"/>
  </si>
  <si>
    <t>　　　６　人員配置に係る届出については、勤務体制がわかる書類（「従業者の勤務の体制及び勤務形態一覧表」（別紙７）又はこれに準じた勤務割表等）を添付してください。</t>
    <phoneticPr fontId="1"/>
  </si>
  <si>
    <t>　　　７ 「割引｣を｢あり｣と記載する場合は「指定居宅サービス事業所等による介護給付費の割引に係る割引率の設定について」（別紙５）を添付してください。</t>
    <rPh sb="33" eb="34">
      <t>ショ</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1"/>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1"/>
  </si>
  <si>
    <t>　　　10　「看護体制強化加算」については、「看護体制強化加算に係る届出書」（別紙19）を添付してください。</t>
    <phoneticPr fontId="1"/>
  </si>
  <si>
    <t>　　　11　「その他該当する体制等」欄で人員配置に係る加算（減算）の届出については、それぞれ加算（減算）の要件となる職員の配置状況や勤務体制がわかる書類を添付してください。</t>
    <phoneticPr fontId="1"/>
  </si>
  <si>
    <t>　　　　　　「医師の配置」…医師、「夜間勤務条件基準」…夜勤を行う看護師（准看護師）と介護職員の配置状況　等</t>
  </si>
  <si>
    <t>　　　12 「送迎体制」については、実際に利用者の送迎が可能な場合に記載してください。</t>
    <phoneticPr fontId="1"/>
  </si>
  <si>
    <t>　　　13 「生活相談員配置等加算」については、「生活相談員配置等加算に係る届出書」（別紙21）を添付してください。</t>
    <phoneticPr fontId="1"/>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1"/>
  </si>
  <si>
    <t>　　　15 「特定診療費項目」「リハビリテーション提供体制」については、これらに相当する診療報酬の算定のために届け出た届出書の写しを添付してください。</t>
    <phoneticPr fontId="1"/>
  </si>
  <si>
    <t>　　　16 「職員の欠員による減算の状況」については、以下の要領で記載してください。</t>
    <phoneticPr fontId="1"/>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1"/>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1"/>
  </si>
  <si>
    <t>　　　　　　　　選択する。（（１）が優先する。）</t>
    <phoneticPr fontId="1"/>
  </si>
  <si>
    <t>　　　17「高齢者施設等感染対策向上加算Ⅰ」 「高齢者施設等感染対策向上加算Ⅱ」については、「高齢者施設等感染対策向上加算に係る届出書」（別紙35）を添付してください。</t>
    <phoneticPr fontId="1"/>
  </si>
  <si>
    <t>　　　18「生産性向上推進体制加算」については、「生産性向上推進体制加算に係る届出書」（別紙28）を添付してください。</t>
    <phoneticPr fontId="1"/>
  </si>
  <si>
    <t xml:space="preserve">         19「口腔連携強化加算」については、「口腔連携強化加算に関する届出書」（別紙11）を添付してください。</t>
    <phoneticPr fontId="1"/>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1"/>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1"/>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1"/>
  </si>
  <si>
    <t>　　４　介護予防短期入所療養介護にあっては、同一の施設区分で事業の実施が複数の病棟にわたる場合は、病棟ごとに届け出てください。</t>
    <rPh sb="4" eb="6">
      <t>カイゴ</t>
    </rPh>
    <rPh sb="6" eb="8">
      <t>ヨボウ</t>
    </rPh>
    <phoneticPr fontId="1"/>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1"/>
  </si>
  <si>
    <t>備考　（別紙１－２）介護予防サービス　サテライト事業所</t>
    <rPh sb="0" eb="2">
      <t>ビコウ</t>
    </rPh>
    <rPh sb="10" eb="12">
      <t>カイゴ</t>
    </rPh>
    <rPh sb="12" eb="14">
      <t>ヨボウ</t>
    </rPh>
    <rPh sb="24" eb="27">
      <t>ジギョウショ</t>
    </rPh>
    <phoneticPr fontId="1"/>
  </si>
  <si>
    <t>（別紙１－３－２）</t>
    <phoneticPr fontId="1"/>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1"/>
  </si>
  <si>
    <t>事 業 所 番 号</t>
    <phoneticPr fontId="1"/>
  </si>
  <si>
    <t>緊急時訪問看護加算</t>
    <rPh sb="0" eb="3">
      <t>キンキュウジ</t>
    </rPh>
    <rPh sb="3" eb="5">
      <t>ホウモン</t>
    </rPh>
    <rPh sb="5" eb="7">
      <t>カンゴ</t>
    </rPh>
    <rPh sb="7" eb="9">
      <t>カサン</t>
    </rPh>
    <phoneticPr fontId="1"/>
  </si>
  <si>
    <t>特別管理体制</t>
  </si>
  <si>
    <t>総合マネジメント体制強化加算</t>
    <rPh sb="0" eb="2">
      <t>ソウゴウ</t>
    </rPh>
    <rPh sb="8" eb="10">
      <t>タイセイ</t>
    </rPh>
    <rPh sb="10" eb="12">
      <t>キョウカ</t>
    </rPh>
    <rPh sb="12" eb="14">
      <t>カサン</t>
    </rPh>
    <phoneticPr fontId="1"/>
  </si>
  <si>
    <t>定期巡回・随時対応型</t>
    <phoneticPr fontId="1"/>
  </si>
  <si>
    <t>１　一体型</t>
  </si>
  <si>
    <t>訪問介護看護</t>
  </si>
  <si>
    <t>２　連携型</t>
  </si>
  <si>
    <t>24時間通報対応加算</t>
    <rPh sb="2" eb="4">
      <t>ジカン</t>
    </rPh>
    <rPh sb="4" eb="6">
      <t>ツウホウ</t>
    </rPh>
    <rPh sb="6" eb="8">
      <t>タイオウ</t>
    </rPh>
    <rPh sb="8" eb="10">
      <t>カサン</t>
    </rPh>
    <phoneticPr fontId="1"/>
  </si>
  <si>
    <t>夜間対応型訪問介護</t>
  </si>
  <si>
    <t>６ 加算Ⅰ（イの場合）</t>
    <rPh sb="8" eb="10">
      <t>バアイ</t>
    </rPh>
    <phoneticPr fontId="1"/>
  </si>
  <si>
    <t>４ 加算Ⅱ（イ場合）</t>
    <rPh sb="7" eb="9">
      <t>バアイ</t>
    </rPh>
    <phoneticPr fontId="1"/>
  </si>
  <si>
    <t>７ 加算Ⅲ（イの場合）</t>
    <phoneticPr fontId="1"/>
  </si>
  <si>
    <t>８ 加算Ⅰ（ロの場合）</t>
    <phoneticPr fontId="1"/>
  </si>
  <si>
    <t>５ 加算Ⅱ（ロの場合）</t>
    <phoneticPr fontId="1"/>
  </si>
  <si>
    <t>９ 加算Ⅲ（ロの場合）</t>
    <phoneticPr fontId="1"/>
  </si>
  <si>
    <t>１ なし</t>
  </si>
  <si>
    <t>時間延長サービス体制</t>
    <phoneticPr fontId="1"/>
  </si>
  <si>
    <t>重度者ケア体制加算</t>
    <rPh sb="0" eb="2">
      <t>ジュウド</t>
    </rPh>
    <rPh sb="2" eb="3">
      <t>シャ</t>
    </rPh>
    <rPh sb="5" eb="7">
      <t>タイセイ</t>
    </rPh>
    <rPh sb="7" eb="9">
      <t>カサン</t>
    </rPh>
    <phoneticPr fontId="1"/>
  </si>
  <si>
    <t>地域密着型通所介護</t>
    <rPh sb="0" eb="2">
      <t>チイキ</t>
    </rPh>
    <rPh sb="2" eb="5">
      <t>ミッチャクガタ</t>
    </rPh>
    <rPh sb="5" eb="7">
      <t>ツウショ</t>
    </rPh>
    <rPh sb="7" eb="9">
      <t>カイゴ</t>
    </rPh>
    <phoneticPr fontId="1"/>
  </si>
  <si>
    <t>１　地域密着型通所介護事業所</t>
  </si>
  <si>
    <t>２　療養通所介護事業所</t>
  </si>
  <si>
    <t>３　療養通所介護事業所（短期利用型）</t>
    <phoneticPr fontId="1"/>
  </si>
  <si>
    <t>５ 加算Ⅱ（イの場合）</t>
    <rPh sb="8" eb="10">
      <t>バアイ</t>
    </rPh>
    <phoneticPr fontId="1"/>
  </si>
  <si>
    <t>８ 加算Ⅲイ（ロの場合）</t>
    <phoneticPr fontId="1"/>
  </si>
  <si>
    <t>９ 加算Ⅲイ（ハの場合）</t>
    <phoneticPr fontId="1"/>
  </si>
  <si>
    <t>４ 加算Ⅲロ（ロの場合）</t>
    <phoneticPr fontId="1"/>
  </si>
  <si>
    <t>Ａ 加算Ⅲロ（ハの場合）</t>
    <phoneticPr fontId="1"/>
  </si>
  <si>
    <t>ADL維持等加算〔申出〕の有無</t>
    <rPh sb="3" eb="5">
      <t>イジ</t>
    </rPh>
    <rPh sb="5" eb="6">
      <t>トウ</t>
    </rPh>
    <rPh sb="6" eb="8">
      <t>カサン</t>
    </rPh>
    <rPh sb="9" eb="11">
      <t>モウシデ</t>
    </rPh>
    <rPh sb="13" eb="15">
      <t>ウム</t>
    </rPh>
    <phoneticPr fontId="1"/>
  </si>
  <si>
    <t>認知症対応型通所介護</t>
    <phoneticPr fontId="1"/>
  </si>
  <si>
    <t>２　併設型</t>
  </si>
  <si>
    <t>３　共用型</t>
  </si>
  <si>
    <t>職員の欠員による減算の状況</t>
    <rPh sb="0" eb="2">
      <t>ショクイン</t>
    </rPh>
    <rPh sb="3" eb="5">
      <t>ケツイン</t>
    </rPh>
    <rPh sb="8" eb="10">
      <t>ゲンサン</t>
    </rPh>
    <rPh sb="11" eb="13">
      <t>ジョウキョウ</t>
    </rPh>
    <phoneticPr fontId="1"/>
  </si>
  <si>
    <t>若年性認知症利用者受入加算</t>
    <phoneticPr fontId="1"/>
  </si>
  <si>
    <t>看護職員配置加算</t>
    <rPh sb="0" eb="2">
      <t>カンゴ</t>
    </rPh>
    <rPh sb="2" eb="4">
      <t>ショクイン</t>
    </rPh>
    <rPh sb="4" eb="6">
      <t>ハイチ</t>
    </rPh>
    <rPh sb="6" eb="8">
      <t>カサン</t>
    </rPh>
    <phoneticPr fontId="1"/>
  </si>
  <si>
    <t>小規模多機能型居宅介護</t>
    <rPh sb="0" eb="3">
      <t>ショウキボ</t>
    </rPh>
    <rPh sb="3" eb="6">
      <t>タキノウ</t>
    </rPh>
    <rPh sb="6" eb="7">
      <t>ガタ</t>
    </rPh>
    <rPh sb="7" eb="9">
      <t>キョタク</t>
    </rPh>
    <rPh sb="9" eb="11">
      <t>カイゴ</t>
    </rPh>
    <phoneticPr fontId="1"/>
  </si>
  <si>
    <t>１　小規模多機能型居宅介護事業所</t>
  </si>
  <si>
    <t>看取り連携体制加算</t>
    <rPh sb="0" eb="2">
      <t>ミト</t>
    </rPh>
    <rPh sb="7" eb="9">
      <t>カサン</t>
    </rPh>
    <phoneticPr fontId="1"/>
  </si>
  <si>
    <t>２　サテライト型小規模多機能型</t>
  </si>
  <si>
    <t>訪問体制強化加算</t>
    <rPh sb="0" eb="2">
      <t>ホウモン</t>
    </rPh>
    <rPh sb="2" eb="4">
      <t>タイセイ</t>
    </rPh>
    <rPh sb="4" eb="6">
      <t>キョウカ</t>
    </rPh>
    <rPh sb="6" eb="8">
      <t>カサン</t>
    </rPh>
    <phoneticPr fontId="1"/>
  </si>
  <si>
    <t>　　居宅介護事業所</t>
  </si>
  <si>
    <t>小規模多機能型居宅介護</t>
  </si>
  <si>
    <t>（短期利用型）</t>
  </si>
  <si>
    <t>２ 介護従業者</t>
    <rPh sb="2" eb="4">
      <t>カイゴ</t>
    </rPh>
    <rPh sb="4" eb="7">
      <t>ジュウギョウシャ</t>
    </rPh>
    <phoneticPr fontId="1"/>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1"/>
  </si>
  <si>
    <t>夜間支援体制加算</t>
    <rPh sb="0" eb="2">
      <t>ヤカン</t>
    </rPh>
    <rPh sb="2" eb="4">
      <t>シエン</t>
    </rPh>
    <rPh sb="4" eb="6">
      <t>タイセイ</t>
    </rPh>
    <rPh sb="6" eb="8">
      <t>カサン</t>
    </rPh>
    <phoneticPr fontId="1"/>
  </si>
  <si>
    <t>利用者の入院期間中の体制</t>
    <rPh sb="0" eb="3">
      <t>リヨウシャ</t>
    </rPh>
    <rPh sb="4" eb="6">
      <t>ニュウイン</t>
    </rPh>
    <rPh sb="6" eb="8">
      <t>キカン</t>
    </rPh>
    <rPh sb="8" eb="9">
      <t>チュウ</t>
    </rPh>
    <rPh sb="10" eb="12">
      <t>タイセイ</t>
    </rPh>
    <phoneticPr fontId="1"/>
  </si>
  <si>
    <t>医療連携体制加算Ⅰ</t>
    <rPh sb="6" eb="8">
      <t>カサン</t>
    </rPh>
    <phoneticPr fontId="1"/>
  </si>
  <si>
    <t>医療連携体制加算Ⅱ</t>
    <rPh sb="6" eb="8">
      <t>カサン</t>
    </rPh>
    <phoneticPr fontId="1"/>
  </si>
  <si>
    <t>認知症対応型</t>
    <phoneticPr fontId="1"/>
  </si>
  <si>
    <t>共同生活介護</t>
    <phoneticPr fontId="1"/>
  </si>
  <si>
    <t>３　 サテライト型Ⅰ型</t>
  </si>
  <si>
    <t>４ 　サテライト型Ⅱ型</t>
  </si>
  <si>
    <t>入居継続支援加算</t>
    <phoneticPr fontId="1"/>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1"/>
  </si>
  <si>
    <t>地域密着型特定施設</t>
  </si>
  <si>
    <t>入居者生活介護</t>
  </si>
  <si>
    <t>５　サテライト型有料老人ホーム</t>
  </si>
  <si>
    <t>６　サテライト型軽費老人ホーム</t>
  </si>
  <si>
    <t>７　サテライト型養護老人ホーム</t>
  </si>
  <si>
    <t>(短期利用型）</t>
  </si>
  <si>
    <t>４ 介護支援専門員</t>
    <rPh sb="2" eb="4">
      <t>カイゴ</t>
    </rPh>
    <rPh sb="4" eb="6">
      <t>シエン</t>
    </rPh>
    <rPh sb="6" eb="9">
      <t>センモンイン</t>
    </rPh>
    <phoneticPr fontId="1"/>
  </si>
  <si>
    <t>１　地域密着型介護老人福祉施設</t>
  </si>
  <si>
    <t>地域密着型</t>
  </si>
  <si>
    <t>２　サテライト型地域密着型</t>
  </si>
  <si>
    <t>１　経過的施設以外</t>
  </si>
  <si>
    <t>介護老人福祉施設</t>
  </si>
  <si>
    <t>　　介護老人福祉施設</t>
  </si>
  <si>
    <t>２　経過的施設</t>
  </si>
  <si>
    <t>入所者生活介護</t>
  </si>
  <si>
    <t>３　ユニット型地域密着型介護老人福祉施設</t>
  </si>
  <si>
    <t>４　サテライト型ユニット型</t>
  </si>
  <si>
    <t>　　地域密着型介護老人福祉施設</t>
  </si>
  <si>
    <t>障害者生活支援体制</t>
    <phoneticPr fontId="1"/>
  </si>
  <si>
    <t>小規模拠点集合体制</t>
    <rPh sb="0" eb="3">
      <t>ショウキボ</t>
    </rPh>
    <rPh sb="3" eb="5">
      <t>キョテン</t>
    </rPh>
    <rPh sb="5" eb="7">
      <t>シュウゴウ</t>
    </rPh>
    <rPh sb="7" eb="9">
      <t>タイセイ</t>
    </rPh>
    <phoneticPr fontId="1"/>
  </si>
  <si>
    <t>訪問看護体制減算</t>
    <rPh sb="0" eb="2">
      <t>ホウモン</t>
    </rPh>
    <rPh sb="2" eb="4">
      <t>カンゴ</t>
    </rPh>
    <rPh sb="4" eb="6">
      <t>タイセイ</t>
    </rPh>
    <rPh sb="6" eb="8">
      <t>ゲンザン</t>
    </rPh>
    <phoneticPr fontId="1"/>
  </si>
  <si>
    <t>サテライト体制</t>
    <rPh sb="5" eb="7">
      <t>タイセイ</t>
    </rPh>
    <phoneticPr fontId="1"/>
  </si>
  <si>
    <t>緊急時対応加算</t>
    <rPh sb="3" eb="5">
      <t>タイオウ</t>
    </rPh>
    <phoneticPr fontId="1"/>
  </si>
  <si>
    <t>複合型サービス</t>
  </si>
  <si>
    <t>１　看護小規模多機能型居宅介護事業所</t>
  </si>
  <si>
    <t>（看護小規模多機能型</t>
  </si>
  <si>
    <t>２　サテライト型看護小規模多機能型</t>
  </si>
  <si>
    <t>居宅介護）</t>
  </si>
  <si>
    <t>居宅介護・短期利用型）</t>
  </si>
  <si>
    <t>介護予防認知症対応型</t>
  </si>
  <si>
    <t>介護予防小規模多機能型</t>
    <phoneticPr fontId="1"/>
  </si>
  <si>
    <t>１　介護予防小規模多機能型居宅介護事業所</t>
  </si>
  <si>
    <t>居宅介護</t>
  </si>
  <si>
    <t>２　サテライト型介護予防小規模多機能型</t>
  </si>
  <si>
    <t>介護予防小規模多機能型</t>
  </si>
  <si>
    <t>利用者の入院期間中の体制</t>
    <rPh sb="0" eb="3">
      <t>リヨウシャ</t>
    </rPh>
    <rPh sb="4" eb="6">
      <t>ニュウイン</t>
    </rPh>
    <rPh sb="6" eb="9">
      <t>キカンチュウ</t>
    </rPh>
    <rPh sb="10" eb="12">
      <t>タイセイ</t>
    </rPh>
    <phoneticPr fontId="1"/>
  </si>
  <si>
    <t>共同生活介護</t>
  </si>
  <si>
    <t>定期巡回・随時対応型</t>
  </si>
  <si>
    <t>地域密着型通所介護</t>
    <phoneticPr fontId="1"/>
  </si>
  <si>
    <t>１　地域密着型通所介護事業所</t>
    <phoneticPr fontId="1"/>
  </si>
  <si>
    <t>　</t>
  </si>
  <si>
    <t>２ 看護職員</t>
  </si>
  <si>
    <t>３ 介護職員</t>
  </si>
  <si>
    <t>１　小規模多機能型居宅介護事業所　</t>
  </si>
  <si>
    <t>看取り連携体制加算</t>
    <rPh sb="0" eb="2">
      <t>ミト</t>
    </rPh>
    <rPh sb="3" eb="5">
      <t>レンケイ</t>
    </rPh>
    <rPh sb="5" eb="7">
      <t>タイセイ</t>
    </rPh>
    <rPh sb="7" eb="9">
      <t>カサン</t>
    </rPh>
    <phoneticPr fontId="1"/>
  </si>
  <si>
    <t>褥瘡マネジメント加算</t>
    <rPh sb="0" eb="2">
      <t>ジョクソウ</t>
    </rPh>
    <rPh sb="8" eb="10">
      <t>カサン</t>
    </rPh>
    <phoneticPr fontId="1"/>
  </si>
  <si>
    <t>（看護小規模多機能型</t>
    <phoneticPr fontId="1"/>
  </si>
  <si>
    <t>居宅介護・短期利用型）</t>
    <phoneticPr fontId="1"/>
  </si>
  <si>
    <t>　　居宅介護事業所</t>
    <phoneticPr fontId="1"/>
  </si>
  <si>
    <t>１　介護予防小規模多機能型居宅介護事業所　</t>
  </si>
  <si>
    <t>居宅介護</t>
    <phoneticPr fontId="1"/>
  </si>
  <si>
    <t>２　サテライト型介護予防小規模多機能型</t>
    <phoneticPr fontId="1"/>
  </si>
  <si>
    <t>（短期利用型）</t>
    <phoneticPr fontId="1"/>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1"/>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1"/>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1"/>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1"/>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1"/>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rPh sb="270" eb="272">
      <t>ベッシ</t>
    </rPh>
    <phoneticPr fontId="1"/>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1"/>
  </si>
  <si>
    <t>　　　10　「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夜間勤務条件基準」…夜勤を行う看護師（准看護師）と介護職員の配置状況　等</t>
    <phoneticPr fontId="1"/>
  </si>
  <si>
    <t>　　　11 「時間延長サービス体制」については、実際に利用者に対して延長サービスを行うことが可能な場合に記載してください。</t>
    <phoneticPr fontId="1"/>
  </si>
  <si>
    <t>　　　12 「生活相談員配置等加算」については、「生活相談員配置等加算に係る届出書」（別紙21）を添付してください。</t>
    <phoneticPr fontId="1"/>
  </si>
  <si>
    <t>　　　13 　「入浴介助加算」については、「浴室の平面図等」及び入浴介助加算（Ⅰ）の要件である研修を実施または、実施することが分かる資料等を添付してください。</t>
    <phoneticPr fontId="1"/>
  </si>
  <si>
    <t>　　　14 「中重度者ケア体制加算」については、「中重度者ケア体制加算に係る届出書」（別紙22）及び「利用者の割合に関する計算書」（別紙22ー2）を添付してください。</t>
    <phoneticPr fontId="1"/>
  </si>
  <si>
    <t>　　　15   地域密着型通所介護の「認知症加算」については、「認知症加算に係る届出書」（別紙23）及び「利用者の割合に関する計算書」（別紙23ー2）を、
　　　　　小規模多機能型居宅介護、複合型サービス（看護小規模多機能型居宅介護）の「認知症加算（Ⅰ）・（Ⅱ）」については、「認知症加算（Ⅰ）・（Ⅱ）に係る届出書」（別紙44）を添付してください。</t>
    <phoneticPr fontId="1"/>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1"/>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地域密着型特定施設入居者生活介護の「看取り介護加算」については、「看取り介護体制に係る届出書」（別紙34－2）を添付してください。</t>
    <rPh sb="4" eb="6">
      <t>チイキ</t>
    </rPh>
    <rPh sb="6" eb="9">
      <t>ミッチャクガタ</t>
    </rPh>
    <rPh sb="9" eb="11">
      <t>トクテイ</t>
    </rPh>
    <rPh sb="11" eb="13">
      <t>シセツ</t>
    </rPh>
    <rPh sb="13" eb="16">
      <t>ニュウキョシャ</t>
    </rPh>
    <rPh sb="16" eb="18">
      <t>セイカツ</t>
    </rPh>
    <rPh sb="18" eb="20">
      <t>カイゴ</t>
    </rPh>
    <phoneticPr fontId="1"/>
  </si>
  <si>
    <t>　　　19 「看取り連携体制加算」については、「看取り連携体制加算に係る届出書」（別紙13）を、認知症対応型共同生活介護の「看取り介護加算」については、「看取り介護加算に係る届出書」（別紙47）を添付してください。</t>
    <rPh sb="7" eb="9">
      <t>ミト</t>
    </rPh>
    <rPh sb="10" eb="12">
      <t>レンケイ</t>
    </rPh>
    <rPh sb="12" eb="14">
      <t>タイセイ</t>
    </rPh>
    <rPh sb="67" eb="69">
      <t>カサン</t>
    </rPh>
    <phoneticPr fontId="1"/>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1"/>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1"/>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1"/>
  </si>
  <si>
    <t>　　　24 「職員の欠員による減算の状況」については、以下の要領で記載してください。</t>
    <phoneticPr fontId="1"/>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1"/>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28 「テクノロジーの導入」については、「テクノロジーの導入による日常生活継続支援加算に関する届出書」（別紙37ー2）、「テクノロジーの導入による入居継続支援加算に関する届出書」</t>
    <rPh sb="14" eb="16">
      <t>ドウニュウ</t>
    </rPh>
    <phoneticPr fontId="1"/>
  </si>
  <si>
    <t>　　　　　（別紙32ー2）、「テクノロジーの導入による夜勤職員配置加算に係る届出書」（別紙27）のいずれかを添付してください。</t>
    <phoneticPr fontId="1"/>
  </si>
  <si>
    <t>　　　29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0 「高齢者施設等感染対策向上加算Ⅰ」 「高齢者施設等感染対策向上加算Ⅱ」については、「高齢者施設等感染対策向上加算に係る届出書」（別紙35）を添付してください。</t>
    <phoneticPr fontId="1"/>
  </si>
  <si>
    <t>　　　31 「生産性向上推進体制加算」については、「生産性向上推進体制加算に係る届出書」（別紙28）を添付してください。</t>
    <phoneticPr fontId="1"/>
  </si>
  <si>
    <t>　　　32「口腔連携強化加算」については、「口腔連携強化加算に関する届出書」（別紙11）を添付してください。</t>
    <phoneticPr fontId="1"/>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1"/>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1"/>
  </si>
  <si>
    <t>受付番号</t>
    <phoneticPr fontId="1"/>
  </si>
  <si>
    <t>年</t>
    <rPh sb="0" eb="1">
      <t>ネン</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日</t>
    <rPh sb="0" eb="1">
      <t>ヒ</t>
    </rPh>
    <phoneticPr fontId="1"/>
  </si>
  <si>
    <t>％</t>
    <phoneticPr fontId="1"/>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４ 加算Ⅰイ</t>
    <phoneticPr fontId="1"/>
  </si>
  <si>
    <t>２ 加算Ⅰハ</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5" x14ac:knownFonts="1">
    <font>
      <sz val="11"/>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
      <sz val="11"/>
      <name val="HGｺﾞｼｯｸM"/>
      <family val="3"/>
      <charset val="128"/>
    </font>
    <font>
      <sz val="11"/>
      <name val="HGPｺﾞｼｯｸM"/>
      <family val="3"/>
      <charset val="128"/>
    </font>
    <font>
      <strike/>
      <sz val="11"/>
      <name val="游ゴシック Light"/>
      <family val="3"/>
      <charset val="128"/>
    </font>
    <font>
      <strike/>
      <sz val="11"/>
      <name val="HGP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name val="ＭＳ Ｐゴシック"/>
      <family val="3"/>
      <charset val="128"/>
      <scheme val="major"/>
    </font>
  </fonts>
  <fills count="34">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s>
  <borders count="104">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right style="dashed">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left style="thin">
        <color indexed="64"/>
      </left>
      <right/>
      <top/>
      <bottom style="dashed">
        <color indexed="64"/>
      </bottom>
      <diagonal/>
    </border>
    <border>
      <left style="thin">
        <color indexed="64"/>
      </left>
      <right/>
      <top style="dashed">
        <color indexed="64"/>
      </top>
      <bottom/>
      <diagonal/>
    </border>
    <border>
      <left style="dashed">
        <color indexed="64"/>
      </left>
      <right/>
      <top style="dashed">
        <color indexed="64"/>
      </top>
      <bottom style="dashed">
        <color indexed="64"/>
      </bottom>
      <diagonal/>
    </border>
    <border>
      <left style="thin">
        <color indexed="64"/>
      </left>
      <right/>
      <top style="dotted">
        <color indexed="64"/>
      </top>
      <bottom style="dashed">
        <color indexed="64"/>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right style="dashed">
        <color indexed="64"/>
      </right>
      <top style="double">
        <color indexed="64"/>
      </top>
      <bottom style="thin">
        <color indexed="64"/>
      </bottom>
      <diagonal/>
    </border>
    <border>
      <left style="dashed">
        <color indexed="64"/>
      </left>
      <right/>
      <top/>
      <bottom/>
      <diagonal/>
    </border>
    <border diagonalUp="1">
      <left style="thin">
        <color indexed="64"/>
      </left>
      <right/>
      <top style="thin">
        <color indexed="64"/>
      </top>
      <bottom style="thin">
        <color indexed="64"/>
      </bottom>
      <diagonal style="thin">
        <color indexed="64"/>
      </diagonal>
    </border>
    <border>
      <left/>
      <right style="dashed">
        <color indexed="64"/>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right style="thin">
        <color rgb="FF000000"/>
      </right>
      <top style="thin">
        <color rgb="FF000000"/>
      </top>
      <bottom/>
      <diagonal/>
    </border>
    <border>
      <left/>
      <right/>
      <top/>
      <bottom style="thin">
        <color rgb="FF000000"/>
      </bottom>
      <diagonal/>
    </border>
    <border>
      <left/>
      <right style="thin">
        <color indexed="64"/>
      </right>
      <top/>
      <bottom style="thin">
        <color rgb="FF000000"/>
      </bottom>
      <diagonal/>
    </border>
    <border>
      <left/>
      <right style="thin">
        <color rgb="FF000000"/>
      </right>
      <top/>
      <bottom/>
      <diagonal/>
    </border>
    <border>
      <left/>
      <right/>
      <top style="thin">
        <color indexed="64"/>
      </top>
      <bottom style="dashed">
        <color rgb="FF000000"/>
      </bottom>
      <diagonal/>
    </border>
    <border>
      <left/>
      <right/>
      <top style="thin">
        <color rgb="FF000000"/>
      </top>
      <bottom/>
      <diagonal/>
    </border>
    <border>
      <left/>
      <right style="thin">
        <color indexed="64"/>
      </right>
      <top style="thin">
        <color rgb="FF000000"/>
      </top>
      <bottom/>
      <diagonal/>
    </border>
    <border>
      <left style="thin">
        <color rgb="FF000000"/>
      </left>
      <right/>
      <top/>
      <bottom/>
      <diagonal/>
    </border>
    <border>
      <left style="thin">
        <color indexed="64"/>
      </left>
      <right style="thin">
        <color indexed="64"/>
      </right>
      <top/>
      <bottom style="thin">
        <color rgb="FF000000"/>
      </bottom>
      <diagonal/>
    </border>
    <border>
      <left/>
      <right style="thin">
        <color rgb="FF000000"/>
      </right>
      <top style="dashed">
        <color indexed="64"/>
      </top>
      <bottom style="thin">
        <color indexed="64"/>
      </bottom>
      <diagonal/>
    </border>
    <border>
      <left style="thin">
        <color indexed="64"/>
      </left>
      <right style="thin">
        <color rgb="FF000000"/>
      </right>
      <top/>
      <bottom/>
      <diagonal/>
    </border>
    <border>
      <left/>
      <right style="thin">
        <color rgb="FF000000"/>
      </right>
      <top style="dashed">
        <color indexed="64"/>
      </top>
      <bottom/>
      <diagonal/>
    </border>
    <border>
      <left style="thin">
        <color indexed="64"/>
      </left>
      <right/>
      <top style="thin">
        <color rgb="FF000000"/>
      </top>
      <bottom/>
      <diagonal/>
    </border>
    <border>
      <left style="thin">
        <color indexed="64"/>
      </left>
      <right style="thin">
        <color indexed="64"/>
      </right>
      <top style="thin">
        <color rgb="FF000000"/>
      </top>
      <bottom/>
      <diagonal/>
    </border>
    <border>
      <left/>
      <right/>
      <top style="dashed">
        <color indexed="64"/>
      </top>
      <bottom style="dashed">
        <color rgb="FF000000"/>
      </bottom>
      <diagonal/>
    </border>
    <border>
      <left style="thin">
        <color indexed="64"/>
      </left>
      <right/>
      <top style="dashed">
        <color indexed="64"/>
      </top>
      <bottom style="dashed">
        <color rgb="FF000000"/>
      </bottom>
      <diagonal/>
    </border>
    <border>
      <left/>
      <right style="thin">
        <color indexed="64"/>
      </right>
      <top style="dashed">
        <color indexed="64"/>
      </top>
      <bottom style="dashed">
        <color rgb="FF000000"/>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left/>
      <right style="dotted">
        <color indexed="64"/>
      </right>
      <top style="thin">
        <color indexed="64"/>
      </top>
      <bottom style="dashed">
        <color indexed="64"/>
      </bottom>
      <diagonal/>
    </border>
    <border>
      <left style="thin">
        <color rgb="FF000000"/>
      </left>
      <right style="thin">
        <color indexed="64"/>
      </right>
      <top/>
      <bottom/>
      <diagonal/>
    </border>
    <border>
      <left style="thin">
        <color indexed="64"/>
      </left>
      <right style="thin">
        <color indexed="64"/>
      </right>
      <top style="dashed">
        <color indexed="64"/>
      </top>
      <bottom style="dashed">
        <color rgb="FF000000"/>
      </bottom>
      <diagonal/>
    </border>
    <border>
      <left style="thin">
        <color indexed="64"/>
      </left>
      <right style="thin">
        <color indexed="64"/>
      </right>
      <top style="dashed">
        <color indexed="64"/>
      </top>
      <bottom style="dotted">
        <color indexed="64"/>
      </bottom>
      <diagonal/>
    </border>
    <border>
      <left/>
      <right style="thin">
        <color indexed="64"/>
      </right>
      <top style="dashed">
        <color indexed="64"/>
      </top>
      <bottom style="dotted">
        <color indexed="64"/>
      </bottom>
      <diagonal/>
    </border>
    <border>
      <left/>
      <right/>
      <top style="dashed">
        <color indexed="64"/>
      </top>
      <bottom style="dotted">
        <color indexed="64"/>
      </bottom>
      <diagonal/>
    </border>
    <border>
      <left style="thin">
        <color indexed="64"/>
      </left>
      <right/>
      <top style="dashed">
        <color indexed="64"/>
      </top>
      <bottom style="dotted">
        <color indexed="64"/>
      </bottom>
      <diagonal/>
    </border>
    <border>
      <left/>
      <right/>
      <top/>
      <bottom style="dotted">
        <color indexed="64"/>
      </bottom>
      <diagonal/>
    </border>
    <border>
      <left/>
      <right style="thin">
        <color indexed="64"/>
      </right>
      <top/>
      <bottom style="dotted">
        <color indexed="64"/>
      </bottom>
      <diagonal/>
    </border>
  </borders>
  <cellStyleXfs count="51">
    <xf numFmtId="0" fontId="0" fillId="0" borderId="0"/>
    <xf numFmtId="0" fontId="16" fillId="4" borderId="0" applyNumberFormat="0" applyBorder="0" applyAlignment="0" applyProtection="0">
      <alignment vertical="center"/>
    </xf>
    <xf numFmtId="0" fontId="16" fillId="5" borderId="0" applyNumberFormat="0" applyBorder="0" applyAlignment="0" applyProtection="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1" borderId="0" applyNumberFormat="0" applyBorder="0" applyAlignment="0" applyProtection="0">
      <alignment vertical="center"/>
    </xf>
    <xf numFmtId="0" fontId="16" fillId="12"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7" fillId="18" borderId="0" applyNumberFormat="0" applyBorder="0" applyAlignment="0" applyProtection="0">
      <alignment vertical="center"/>
    </xf>
    <xf numFmtId="0" fontId="17"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7" fillId="22" borderId="0" applyNumberFormat="0" applyBorder="0" applyAlignment="0" applyProtection="0">
      <alignment vertical="center"/>
    </xf>
    <xf numFmtId="0" fontId="17"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7" fillId="26" borderId="0" applyNumberFormat="0" applyBorder="0" applyAlignment="0" applyProtection="0">
      <alignment vertical="center"/>
    </xf>
    <xf numFmtId="0" fontId="17" fillId="27" borderId="0" applyNumberFormat="0" applyBorder="0" applyAlignment="0" applyProtection="0">
      <alignment vertical="center"/>
    </xf>
    <xf numFmtId="0" fontId="18" fillId="0" borderId="0" applyNumberFormat="0" applyFill="0" applyBorder="0" applyAlignment="0" applyProtection="0">
      <alignment vertical="center"/>
    </xf>
    <xf numFmtId="0" fontId="19" fillId="28" borderId="67" applyNumberFormat="0" applyAlignment="0" applyProtection="0">
      <alignment vertical="center"/>
    </xf>
    <xf numFmtId="0" fontId="20" fillId="29" borderId="0" applyNumberFormat="0" applyBorder="0" applyAlignment="0" applyProtection="0">
      <alignment vertical="center"/>
    </xf>
    <xf numFmtId="9" fontId="21" fillId="0" borderId="0" applyFont="0" applyFill="0" applyBorder="0" applyAlignment="0" applyProtection="0">
      <alignment vertical="center"/>
    </xf>
    <xf numFmtId="9" fontId="21" fillId="0" borderId="0" applyFont="0" applyFill="0" applyBorder="0" applyAlignment="0" applyProtection="0">
      <alignment vertical="center"/>
    </xf>
    <xf numFmtId="9" fontId="21" fillId="0" borderId="0" applyFont="0" applyFill="0" applyBorder="0" applyAlignment="0" applyProtection="0">
      <alignment vertical="center"/>
    </xf>
    <xf numFmtId="0" fontId="7" fillId="3" borderId="68" applyNumberFormat="0" applyFont="0" applyAlignment="0" applyProtection="0">
      <alignment vertical="center"/>
    </xf>
    <xf numFmtId="0" fontId="22" fillId="0" borderId="69" applyNumberFormat="0" applyFill="0" applyAlignment="0" applyProtection="0">
      <alignment vertical="center"/>
    </xf>
    <xf numFmtId="0" fontId="23" fillId="30" borderId="0" applyNumberFormat="0" applyBorder="0" applyAlignment="0" applyProtection="0">
      <alignment vertical="center"/>
    </xf>
    <xf numFmtId="0" fontId="24" fillId="31" borderId="70" applyNumberFormat="0" applyAlignment="0" applyProtection="0">
      <alignment vertical="center"/>
    </xf>
    <xf numFmtId="0" fontId="25" fillId="0" borderId="0" applyNumberFormat="0" applyFill="0" applyBorder="0" applyAlignment="0" applyProtection="0">
      <alignment vertical="center"/>
    </xf>
    <xf numFmtId="38" fontId="21" fillId="0" borderId="0" applyFont="0" applyFill="0" applyBorder="0" applyAlignment="0" applyProtection="0">
      <alignment vertical="center"/>
    </xf>
    <xf numFmtId="0" fontId="26" fillId="0" borderId="71" applyNumberFormat="0" applyFill="0" applyAlignment="0" applyProtection="0">
      <alignment vertical="center"/>
    </xf>
    <xf numFmtId="0" fontId="27" fillId="0" borderId="72" applyNumberFormat="0" applyFill="0" applyAlignment="0" applyProtection="0">
      <alignment vertical="center"/>
    </xf>
    <xf numFmtId="0" fontId="28" fillId="0" borderId="73" applyNumberFormat="0" applyFill="0" applyAlignment="0" applyProtection="0">
      <alignment vertical="center"/>
    </xf>
    <xf numFmtId="0" fontId="28" fillId="0" borderId="0" applyNumberFormat="0" applyFill="0" applyBorder="0" applyAlignment="0" applyProtection="0">
      <alignment vertical="center"/>
    </xf>
    <xf numFmtId="0" fontId="29" fillId="0" borderId="74" applyNumberFormat="0" applyFill="0" applyAlignment="0" applyProtection="0">
      <alignment vertical="center"/>
    </xf>
    <xf numFmtId="0" fontId="30" fillId="31" borderId="75" applyNumberFormat="0" applyAlignment="0" applyProtection="0">
      <alignment vertical="center"/>
    </xf>
    <xf numFmtId="0" fontId="31" fillId="0" borderId="0" applyNumberFormat="0" applyFill="0" applyBorder="0" applyAlignment="0" applyProtection="0">
      <alignment vertical="center"/>
    </xf>
    <xf numFmtId="0" fontId="32" fillId="2" borderId="70" applyNumberFormat="0" applyAlignment="0" applyProtection="0">
      <alignment vertical="center"/>
    </xf>
    <xf numFmtId="0" fontId="7" fillId="0" borderId="0"/>
    <xf numFmtId="0" fontId="7" fillId="0" borderId="0">
      <alignment vertical="center"/>
    </xf>
    <xf numFmtId="0" fontId="21" fillId="0" borderId="0">
      <alignment vertical="center"/>
    </xf>
    <xf numFmtId="0" fontId="21" fillId="0" borderId="0">
      <alignment vertical="center"/>
    </xf>
    <xf numFmtId="0" fontId="21" fillId="0" borderId="0">
      <alignment vertical="center"/>
    </xf>
    <xf numFmtId="0" fontId="33" fillId="32" borderId="0" applyNumberFormat="0" applyBorder="0" applyAlignment="0" applyProtection="0">
      <alignment vertical="center"/>
    </xf>
  </cellStyleXfs>
  <cellXfs count="597">
    <xf numFmtId="0" fontId="0" fillId="0" borderId="0" xfId="0"/>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xf numFmtId="0" fontId="3" fillId="0" borderId="7" xfId="0" applyFont="1" applyBorder="1"/>
    <xf numFmtId="0" fontId="3" fillId="0" borderId="8" xfId="0" applyFont="1" applyBorder="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5"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17" xfId="0" applyFont="1" applyBorder="1" applyAlignment="1">
      <alignment horizontal="left"/>
    </xf>
    <xf numFmtId="0" fontId="3" fillId="0" borderId="3" xfId="0" applyFont="1" applyBorder="1"/>
    <xf numFmtId="0" fontId="3" fillId="0" borderId="4" xfId="0" applyFont="1" applyBorder="1"/>
    <xf numFmtId="0" fontId="3" fillId="0" borderId="1" xfId="0" applyFont="1" applyBorder="1"/>
    <xf numFmtId="0" fontId="3" fillId="0" borderId="5" xfId="0" applyFont="1" applyBorder="1"/>
    <xf numFmtId="0" fontId="3" fillId="0" borderId="15" xfId="0" applyFont="1" applyBorder="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xf numFmtId="0" fontId="3" fillId="0" borderId="24" xfId="0" applyFont="1" applyBorder="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xf numFmtId="0" fontId="11" fillId="0" borderId="0" xfId="0" applyFont="1" applyAlignment="1">
      <alignment horizontal="left" vertical="center"/>
    </xf>
    <xf numFmtId="0" fontId="3" fillId="0" borderId="16" xfId="0" applyFont="1" applyBorder="1" applyAlignment="1">
      <alignment horizontal="left" vertical="center"/>
    </xf>
    <xf numFmtId="0" fontId="3" fillId="0" borderId="17" xfId="0" applyFont="1" applyBorder="1" applyAlignment="1">
      <alignment horizontal="left" vertical="center"/>
    </xf>
    <xf numFmtId="0" fontId="3" fillId="0" borderId="30" xfId="0" applyFont="1" applyBorder="1" applyAlignment="1">
      <alignment horizontal="left" vertical="center"/>
    </xf>
    <xf numFmtId="0" fontId="3" fillId="0" borderId="16" xfId="0" applyFont="1" applyBorder="1" applyAlignment="1">
      <alignment horizontal="center" vertical="center"/>
    </xf>
    <xf numFmtId="0" fontId="3" fillId="0" borderId="0" xfId="0" applyFont="1" applyAlignment="1">
      <alignment vertical="top"/>
    </xf>
    <xf numFmtId="0" fontId="3" fillId="0" borderId="27" xfId="0" applyFont="1" applyBorder="1" applyAlignment="1">
      <alignment horizontal="left" vertical="center"/>
    </xf>
    <xf numFmtId="0" fontId="3" fillId="0" borderId="15" xfId="0" applyFont="1" applyBorder="1" applyAlignment="1">
      <alignment horizontal="left" vertical="center"/>
    </xf>
    <xf numFmtId="0" fontId="3" fillId="0" borderId="5" xfId="0" applyFont="1" applyBorder="1" applyAlignment="1">
      <alignment horizontal="center" vertical="center"/>
    </xf>
    <xf numFmtId="0" fontId="3" fillId="0" borderId="28" xfId="0" applyFont="1" applyBorder="1" applyAlignment="1">
      <alignment horizontal="left" vertical="center"/>
    </xf>
    <xf numFmtId="0" fontId="3" fillId="0" borderId="5" xfId="0" applyFont="1" applyBorder="1" applyAlignment="1">
      <alignment vertical="top"/>
    </xf>
    <xf numFmtId="0" fontId="3" fillId="0" borderId="29" xfId="0" applyFont="1" applyBorder="1" applyAlignment="1">
      <alignment horizontal="left" vertical="center"/>
    </xf>
    <xf numFmtId="0" fontId="0" fillId="0" borderId="0" xfId="0" applyAlignment="1">
      <alignment horizontal="left" vertical="center"/>
    </xf>
    <xf numFmtId="0" fontId="3" fillId="0" borderId="0" xfId="0" applyFont="1" applyAlignment="1">
      <alignment horizontal="left" vertical="top"/>
    </xf>
    <xf numFmtId="0" fontId="8" fillId="33" borderId="0" xfId="0" applyFont="1" applyFill="1" applyAlignment="1">
      <alignment vertical="center"/>
    </xf>
    <xf numFmtId="0" fontId="8" fillId="33" borderId="0" xfId="0" applyFont="1" applyFill="1" applyAlignment="1">
      <alignment horizontal="center" vertical="center"/>
    </xf>
    <xf numFmtId="0" fontId="3" fillId="33" borderId="0" xfId="0" applyFont="1" applyFill="1" applyAlignment="1">
      <alignment horizontal="left" vertical="center"/>
    </xf>
    <xf numFmtId="0" fontId="3" fillId="0" borderId="0" xfId="0" applyFont="1" applyBorder="1" applyAlignment="1">
      <alignment horizontal="left" vertical="center"/>
    </xf>
    <xf numFmtId="0" fontId="0" fillId="0" borderId="0" xfId="0" applyBorder="1" applyAlignment="1">
      <alignment horizontal="left" vertical="center"/>
    </xf>
    <xf numFmtId="0" fontId="3" fillId="0" borderId="0" xfId="0" applyFont="1" applyBorder="1" applyAlignment="1">
      <alignment vertical="top"/>
    </xf>
    <xf numFmtId="0" fontId="3" fillId="33" borderId="0" xfId="0" applyFont="1" applyFill="1" applyAlignment="1">
      <alignment horizontal="center" vertical="center"/>
    </xf>
    <xf numFmtId="0" fontId="3" fillId="33" borderId="39" xfId="0" applyFont="1" applyFill="1" applyBorder="1" applyAlignment="1">
      <alignment horizontal="center" vertical="center"/>
    </xf>
    <xf numFmtId="0" fontId="3" fillId="33" borderId="9" xfId="0" applyFont="1" applyFill="1" applyBorder="1" applyAlignment="1">
      <alignment horizontal="center" vertical="center"/>
    </xf>
    <xf numFmtId="0" fontId="3" fillId="33" borderId="8" xfId="0" applyFont="1" applyFill="1" applyBorder="1" applyAlignment="1">
      <alignment horizontal="center" vertical="center"/>
    </xf>
    <xf numFmtId="0" fontId="0" fillId="33" borderId="0" xfId="0" applyFill="1" applyAlignment="1">
      <alignment horizontal="center" vertical="center"/>
    </xf>
    <xf numFmtId="0" fontId="3" fillId="33" borderId="4" xfId="0" applyFont="1" applyFill="1" applyBorder="1" applyAlignment="1">
      <alignment vertical="center"/>
    </xf>
    <xf numFmtId="0" fontId="3" fillId="33" borderId="4" xfId="0" applyFont="1" applyFill="1" applyBorder="1" applyAlignment="1">
      <alignment vertical="center" wrapText="1"/>
    </xf>
    <xf numFmtId="0" fontId="3" fillId="33" borderId="1" xfId="0" applyFont="1" applyFill="1" applyBorder="1" applyAlignment="1">
      <alignment vertical="center" wrapText="1"/>
    </xf>
    <xf numFmtId="0" fontId="0" fillId="33" borderId="17" xfId="0" applyFill="1" applyBorder="1" applyAlignment="1">
      <alignment horizontal="center" vertical="center"/>
    </xf>
    <xf numFmtId="0" fontId="3" fillId="33" borderId="0" xfId="0" applyFont="1" applyFill="1" applyAlignment="1">
      <alignment vertical="center"/>
    </xf>
    <xf numFmtId="0" fontId="3" fillId="33" borderId="0" xfId="0" applyFont="1" applyFill="1" applyAlignment="1">
      <alignment vertical="center" wrapText="1"/>
    </xf>
    <xf numFmtId="0" fontId="3" fillId="33" borderId="27" xfId="0" applyFont="1" applyFill="1" applyBorder="1" applyAlignment="1">
      <alignment vertical="center" wrapText="1"/>
    </xf>
    <xf numFmtId="0" fontId="3" fillId="33" borderId="3" xfId="0" applyFont="1" applyFill="1" applyBorder="1" applyAlignment="1">
      <alignment vertical="center"/>
    </xf>
    <xf numFmtId="0" fontId="3" fillId="33" borderId="1" xfId="0" applyFont="1" applyFill="1" applyBorder="1" applyAlignment="1">
      <alignment horizontal="center" vertical="center"/>
    </xf>
    <xf numFmtId="0" fontId="3" fillId="33" borderId="25" xfId="0" applyFont="1" applyFill="1" applyBorder="1" applyAlignment="1">
      <alignment vertical="center"/>
    </xf>
    <xf numFmtId="0" fontId="3" fillId="33" borderId="3" xfId="0" applyFont="1" applyFill="1" applyBorder="1" applyAlignment="1">
      <alignment horizontal="left" vertical="center"/>
    </xf>
    <xf numFmtId="0" fontId="3" fillId="33" borderId="3" xfId="0" applyFont="1" applyFill="1" applyBorder="1" applyAlignment="1">
      <alignment horizontal="left" vertical="center" wrapText="1"/>
    </xf>
    <xf numFmtId="0" fontId="3" fillId="33" borderId="1" xfId="0" applyFont="1" applyFill="1" applyBorder="1" applyAlignment="1">
      <alignment vertical="center"/>
    </xf>
    <xf numFmtId="0" fontId="0" fillId="33" borderId="4" xfId="0" applyFill="1" applyBorder="1" applyAlignment="1">
      <alignment horizontal="center" vertical="center"/>
    </xf>
    <xf numFmtId="0" fontId="0" fillId="33" borderId="4" xfId="0" applyFill="1" applyBorder="1" applyAlignment="1">
      <alignment vertical="center"/>
    </xf>
    <xf numFmtId="0" fontId="0" fillId="33" borderId="1" xfId="0" applyFill="1" applyBorder="1" applyAlignment="1">
      <alignment vertical="center"/>
    </xf>
    <xf numFmtId="0" fontId="3" fillId="33" borderId="1" xfId="0" applyFont="1" applyFill="1" applyBorder="1" applyAlignment="1">
      <alignment vertical="top"/>
    </xf>
    <xf numFmtId="0" fontId="3" fillId="33" borderId="17" xfId="0" applyFont="1" applyFill="1" applyBorder="1" applyAlignment="1">
      <alignment vertical="center"/>
    </xf>
    <xf numFmtId="0" fontId="3" fillId="33" borderId="27" xfId="0" applyFont="1" applyFill="1" applyBorder="1" applyAlignment="1">
      <alignment horizontal="center" vertical="center"/>
    </xf>
    <xf numFmtId="0" fontId="3" fillId="33" borderId="28" xfId="0" applyFont="1" applyFill="1" applyBorder="1" applyAlignment="1">
      <alignment vertical="center"/>
    </xf>
    <xf numFmtId="0" fontId="3" fillId="33" borderId="17" xfId="0" applyFont="1" applyFill="1" applyBorder="1" applyAlignment="1">
      <alignment horizontal="left" vertical="center"/>
    </xf>
    <xf numFmtId="0" fontId="3" fillId="33" borderId="17" xfId="0" applyFont="1" applyFill="1" applyBorder="1" applyAlignment="1">
      <alignment horizontal="left" vertical="center" wrapText="1"/>
    </xf>
    <xf numFmtId="0" fontId="3" fillId="33" borderId="27" xfId="0" applyFont="1" applyFill="1" applyBorder="1" applyAlignment="1">
      <alignment vertical="center"/>
    </xf>
    <xf numFmtId="0" fontId="0" fillId="33" borderId="0" xfId="0" applyFill="1" applyAlignment="1">
      <alignment horizontal="left" vertical="center"/>
    </xf>
    <xf numFmtId="0" fontId="0" fillId="33" borderId="27" xfId="0" applyFill="1" applyBorder="1" applyAlignment="1">
      <alignment horizontal="left" vertical="center"/>
    </xf>
    <xf numFmtId="0" fontId="3" fillId="33" borderId="0" xfId="0" applyFont="1" applyFill="1" applyAlignment="1">
      <alignment vertical="top"/>
    </xf>
    <xf numFmtId="0" fontId="3" fillId="33" borderId="27" xfId="0" applyFont="1" applyFill="1" applyBorder="1" applyAlignment="1">
      <alignment vertical="top"/>
    </xf>
    <xf numFmtId="0" fontId="0" fillId="33" borderId="46" xfId="0" applyFill="1" applyBorder="1" applyAlignment="1">
      <alignment horizontal="center" vertical="center"/>
    </xf>
    <xf numFmtId="0" fontId="3" fillId="33" borderId="30" xfId="0" applyFont="1" applyFill="1" applyBorder="1" applyAlignment="1">
      <alignment horizontal="left" vertical="center"/>
    </xf>
    <xf numFmtId="0" fontId="0" fillId="33" borderId="30" xfId="0" applyFill="1" applyBorder="1" applyAlignment="1">
      <alignment horizontal="left" vertical="center"/>
    </xf>
    <xf numFmtId="0" fontId="0" fillId="33" borderId="37" xfId="0" applyFill="1" applyBorder="1" applyAlignment="1">
      <alignment horizontal="left" vertical="center"/>
    </xf>
    <xf numFmtId="0" fontId="3" fillId="33" borderId="17" xfId="0" applyFont="1" applyFill="1" applyBorder="1" applyAlignment="1">
      <alignment vertical="top"/>
    </xf>
    <xf numFmtId="0" fontId="3" fillId="33" borderId="32" xfId="0" applyFont="1" applyFill="1" applyBorder="1" applyAlignment="1">
      <alignment vertical="center"/>
    </xf>
    <xf numFmtId="0" fontId="0" fillId="33" borderId="32" xfId="0" applyFill="1" applyBorder="1" applyAlignment="1">
      <alignment horizontal="center" vertical="center"/>
    </xf>
    <xf numFmtId="0" fontId="3" fillId="33" borderId="33" xfId="0" applyFont="1" applyFill="1" applyBorder="1" applyAlignment="1">
      <alignment vertical="center"/>
    </xf>
    <xf numFmtId="0" fontId="0" fillId="33" borderId="33" xfId="0" applyFill="1" applyBorder="1" applyAlignment="1">
      <alignment vertical="center"/>
    </xf>
    <xf numFmtId="0" fontId="3" fillId="33" borderId="33" xfId="0" applyFont="1" applyFill="1" applyBorder="1" applyAlignment="1">
      <alignment horizontal="left" vertical="center" wrapText="1"/>
    </xf>
    <xf numFmtId="0" fontId="0" fillId="33" borderId="33" xfId="0" applyFill="1" applyBorder="1" applyAlignment="1">
      <alignment horizontal="center" vertical="center"/>
    </xf>
    <xf numFmtId="0" fontId="0" fillId="33" borderId="33" xfId="0" applyFill="1" applyBorder="1" applyAlignment="1">
      <alignment horizontal="left" vertical="center"/>
    </xf>
    <xf numFmtId="0" fontId="0" fillId="33" borderId="34" xfId="0" applyFill="1" applyBorder="1" applyAlignment="1">
      <alignment horizontal="left" vertical="center"/>
    </xf>
    <xf numFmtId="0" fontId="3" fillId="33" borderId="31" xfId="0" applyFont="1" applyFill="1" applyBorder="1" applyAlignment="1">
      <alignment horizontal="left" vertical="center" wrapText="1"/>
    </xf>
    <xf numFmtId="0" fontId="3" fillId="33" borderId="34" xfId="0" applyFont="1" applyFill="1" applyBorder="1" applyAlignment="1">
      <alignment vertical="center"/>
    </xf>
    <xf numFmtId="0" fontId="0" fillId="33" borderId="34" xfId="0" applyFill="1" applyBorder="1" applyAlignment="1">
      <alignment vertical="center"/>
    </xf>
    <xf numFmtId="0" fontId="3" fillId="33" borderId="35" xfId="0" applyFont="1" applyFill="1" applyBorder="1" applyAlignment="1">
      <alignment vertical="center"/>
    </xf>
    <xf numFmtId="0" fontId="3" fillId="33" borderId="30" xfId="0" applyFont="1" applyFill="1" applyBorder="1" applyAlignment="1">
      <alignment horizontal="left" vertical="center"/>
    </xf>
    <xf numFmtId="0" fontId="3" fillId="33" borderId="30" xfId="0" applyFont="1" applyFill="1" applyBorder="1" applyAlignment="1">
      <alignment vertical="center"/>
    </xf>
    <xf numFmtId="0" fontId="3" fillId="33" borderId="37" xfId="0" applyFont="1" applyFill="1" applyBorder="1" applyAlignment="1">
      <alignment vertical="center"/>
    </xf>
    <xf numFmtId="0" fontId="3" fillId="33" borderId="36" xfId="0" applyFont="1" applyFill="1" applyBorder="1" applyAlignment="1">
      <alignment vertical="center"/>
    </xf>
    <xf numFmtId="0" fontId="0" fillId="33" borderId="46" xfId="0" applyFill="1" applyBorder="1" applyAlignment="1">
      <alignment horizontal="center" vertical="center"/>
    </xf>
    <xf numFmtId="0" fontId="3" fillId="33" borderId="27" xfId="0" applyFont="1" applyFill="1" applyBorder="1" applyAlignment="1">
      <alignment horizontal="left" vertical="center"/>
    </xf>
    <xf numFmtId="0" fontId="0" fillId="33" borderId="30" xfId="0" applyFill="1" applyBorder="1" applyAlignment="1">
      <alignment vertical="center"/>
    </xf>
    <xf numFmtId="0" fontId="0" fillId="33" borderId="37" xfId="0" applyFill="1" applyBorder="1" applyAlignment="1">
      <alignment vertical="center"/>
    </xf>
    <xf numFmtId="0" fontId="0" fillId="33" borderId="35" xfId="0" applyFill="1" applyBorder="1" applyAlignment="1">
      <alignment vertical="center"/>
    </xf>
    <xf numFmtId="0" fontId="0" fillId="33" borderId="36" xfId="0" applyFill="1" applyBorder="1" applyAlignment="1">
      <alignment vertical="center"/>
    </xf>
    <xf numFmtId="0" fontId="0" fillId="33" borderId="47" xfId="0" applyFill="1" applyBorder="1" applyAlignment="1">
      <alignment horizontal="center" vertical="center"/>
    </xf>
    <xf numFmtId="0" fontId="11" fillId="33" borderId="35" xfId="0" applyFont="1" applyFill="1" applyBorder="1" applyAlignment="1">
      <alignment horizontal="center" vertical="center"/>
    </xf>
    <xf numFmtId="0" fontId="9" fillId="33" borderId="35" xfId="0" applyFont="1" applyFill="1" applyBorder="1" applyAlignment="1">
      <alignment vertical="center"/>
    </xf>
    <xf numFmtId="0" fontId="14" fillId="33" borderId="35" xfId="0" applyFont="1" applyFill="1" applyBorder="1" applyAlignment="1">
      <alignment vertical="center"/>
    </xf>
    <xf numFmtId="0" fontId="0" fillId="33" borderId="35" xfId="0" applyFill="1" applyBorder="1" applyAlignment="1">
      <alignment horizontal="center" vertical="center"/>
    </xf>
    <xf numFmtId="0" fontId="0" fillId="33" borderId="35" xfId="0" applyFill="1" applyBorder="1" applyAlignment="1">
      <alignment horizontal="left" vertical="center"/>
    </xf>
    <xf numFmtId="0" fontId="0" fillId="33" borderId="36" xfId="0" applyFill="1" applyBorder="1" applyAlignment="1">
      <alignment horizontal="left" vertical="center"/>
    </xf>
    <xf numFmtId="0" fontId="3" fillId="33" borderId="16" xfId="0" applyFont="1" applyFill="1" applyBorder="1" applyAlignment="1">
      <alignment vertical="center"/>
    </xf>
    <xf numFmtId="0" fontId="3" fillId="33" borderId="15" xfId="0" applyFont="1" applyFill="1" applyBorder="1" applyAlignment="1">
      <alignment horizontal="center" vertical="center"/>
    </xf>
    <xf numFmtId="0" fontId="3" fillId="33" borderId="29" xfId="0" applyFont="1" applyFill="1" applyBorder="1" applyAlignment="1">
      <alignment vertical="center"/>
    </xf>
    <xf numFmtId="0" fontId="3" fillId="33" borderId="16" xfId="0" applyFont="1" applyFill="1" applyBorder="1" applyAlignment="1">
      <alignment horizontal="left" vertical="center"/>
    </xf>
    <xf numFmtId="0" fontId="3" fillId="33" borderId="15" xfId="0" applyFont="1" applyFill="1" applyBorder="1" applyAlignment="1">
      <alignment vertical="center" wrapText="1"/>
    </xf>
    <xf numFmtId="0" fontId="3" fillId="33" borderId="16" xfId="0" applyFont="1" applyFill="1" applyBorder="1" applyAlignment="1">
      <alignment horizontal="left" vertical="center" wrapText="1"/>
    </xf>
    <xf numFmtId="0" fontId="3" fillId="33" borderId="15" xfId="0" applyFont="1" applyFill="1" applyBorder="1" applyAlignment="1">
      <alignment vertical="center"/>
    </xf>
    <xf numFmtId="0" fontId="0" fillId="33" borderId="16" xfId="0" applyFill="1" applyBorder="1" applyAlignment="1">
      <alignment horizontal="center" vertical="center"/>
    </xf>
    <xf numFmtId="0" fontId="3" fillId="33" borderId="5" xfId="0" applyFont="1" applyFill="1" applyBorder="1" applyAlignment="1">
      <alignment vertical="center"/>
    </xf>
    <xf numFmtId="0" fontId="0" fillId="33" borderId="5" xfId="0" applyFill="1" applyBorder="1" applyAlignment="1">
      <alignment horizontal="center" vertical="center"/>
    </xf>
    <xf numFmtId="0" fontId="3" fillId="33" borderId="5" xfId="0" applyFont="1" applyFill="1" applyBorder="1" applyAlignment="1">
      <alignment horizontal="left" vertical="center"/>
    </xf>
    <xf numFmtId="0" fontId="0" fillId="33" borderId="5" xfId="0" applyFill="1" applyBorder="1" applyAlignment="1">
      <alignment horizontal="left" vertical="center"/>
    </xf>
    <xf numFmtId="0" fontId="0" fillId="33" borderId="15" xfId="0" applyFill="1" applyBorder="1" applyAlignment="1">
      <alignment horizontal="left" vertical="center"/>
    </xf>
    <xf numFmtId="0" fontId="3" fillId="33" borderId="5" xfId="0" applyFont="1" applyFill="1" applyBorder="1" applyAlignment="1">
      <alignment vertical="top"/>
    </xf>
    <xf numFmtId="0" fontId="3" fillId="33" borderId="15" xfId="0" applyFont="1" applyFill="1" applyBorder="1" applyAlignment="1">
      <alignment vertical="top"/>
    </xf>
    <xf numFmtId="0" fontId="3" fillId="33" borderId="16" xfId="0" applyFont="1" applyFill="1" applyBorder="1" applyAlignment="1">
      <alignment vertical="top"/>
    </xf>
    <xf numFmtId="0" fontId="0" fillId="33" borderId="40" xfId="0" applyFill="1" applyBorder="1" applyAlignment="1">
      <alignment horizontal="center" vertical="center"/>
    </xf>
    <xf numFmtId="0" fontId="3" fillId="33" borderId="41" xfId="0" applyFont="1" applyFill="1" applyBorder="1" applyAlignment="1">
      <alignment vertical="center"/>
    </xf>
    <xf numFmtId="0" fontId="0" fillId="33" borderId="41" xfId="0" applyFill="1" applyBorder="1" applyAlignment="1">
      <alignment vertical="center"/>
    </xf>
    <xf numFmtId="0" fontId="3" fillId="33" borderId="41" xfId="0" applyFont="1" applyFill="1" applyBorder="1" applyAlignment="1">
      <alignment horizontal="left" vertical="center" wrapText="1"/>
    </xf>
    <xf numFmtId="0" fontId="0" fillId="33" borderId="41" xfId="0" applyFill="1" applyBorder="1" applyAlignment="1">
      <alignment horizontal="center" vertical="center"/>
    </xf>
    <xf numFmtId="0" fontId="0" fillId="33" borderId="41" xfId="0" applyFill="1" applyBorder="1" applyAlignment="1">
      <alignment horizontal="left" vertical="center"/>
    </xf>
    <xf numFmtId="0" fontId="0" fillId="33" borderId="44" xfId="0" applyFill="1" applyBorder="1" applyAlignment="1">
      <alignment horizontal="left" vertical="center"/>
    </xf>
    <xf numFmtId="0" fontId="0" fillId="33" borderId="3" xfId="0" applyFill="1" applyBorder="1" applyAlignment="1">
      <alignment horizontal="center" vertical="center"/>
    </xf>
    <xf numFmtId="0" fontId="3" fillId="33" borderId="38" xfId="0" applyFont="1" applyFill="1" applyBorder="1" applyAlignment="1">
      <alignment horizontal="left" vertical="center" wrapText="1"/>
    </xf>
    <xf numFmtId="0" fontId="0" fillId="33" borderId="30" xfId="0" applyFill="1" applyBorder="1" applyAlignment="1">
      <alignment horizontal="center" vertical="center"/>
    </xf>
    <xf numFmtId="0" fontId="3" fillId="33" borderId="31" xfId="0" applyFont="1" applyFill="1" applyBorder="1" applyAlignment="1">
      <alignment vertical="center"/>
    </xf>
    <xf numFmtId="0" fontId="3" fillId="33" borderId="46" xfId="0" applyFont="1" applyFill="1" applyBorder="1" applyAlignment="1">
      <alignment vertical="center"/>
    </xf>
    <xf numFmtId="0" fontId="3" fillId="33" borderId="30" xfId="0" applyFont="1" applyFill="1" applyBorder="1" applyAlignment="1">
      <alignment horizontal="left" vertical="center" wrapText="1"/>
    </xf>
    <xf numFmtId="0" fontId="3" fillId="33" borderId="33" xfId="0" applyFont="1" applyFill="1" applyBorder="1" applyAlignment="1">
      <alignment horizontal="left" vertical="center"/>
    </xf>
    <xf numFmtId="0" fontId="3" fillId="33" borderId="34" xfId="0" applyFont="1" applyFill="1" applyBorder="1" applyAlignment="1">
      <alignment horizontal="left" vertical="center"/>
    </xf>
    <xf numFmtId="0" fontId="3" fillId="33" borderId="35" xfId="0" applyFont="1" applyFill="1" applyBorder="1" applyAlignment="1">
      <alignment horizontal="left" vertical="center"/>
    </xf>
    <xf numFmtId="0" fontId="3" fillId="33" borderId="36" xfId="0" applyFont="1" applyFill="1" applyBorder="1" applyAlignment="1">
      <alignment horizontal="left" vertical="center"/>
    </xf>
    <xf numFmtId="0" fontId="3" fillId="33" borderId="35" xfId="0" applyFont="1" applyFill="1" applyBorder="1" applyAlignment="1">
      <alignment horizontal="left" vertical="center" wrapText="1"/>
    </xf>
    <xf numFmtId="0" fontId="3" fillId="33" borderId="37" xfId="0" applyFont="1" applyFill="1" applyBorder="1" applyAlignment="1">
      <alignment horizontal="left" vertical="center"/>
    </xf>
    <xf numFmtId="0" fontId="3" fillId="33" borderId="0" xfId="0" applyFont="1" applyFill="1" applyAlignment="1">
      <alignment horizontal="left" vertical="center" wrapText="1"/>
    </xf>
    <xf numFmtId="0" fontId="0" fillId="33" borderId="12" xfId="0" applyFill="1" applyBorder="1" applyAlignment="1">
      <alignment horizontal="center" vertical="center"/>
    </xf>
    <xf numFmtId="0" fontId="3" fillId="33" borderId="13" xfId="0" applyFont="1" applyFill="1" applyBorder="1" applyAlignment="1">
      <alignment vertical="center"/>
    </xf>
    <xf numFmtId="0" fontId="0" fillId="33" borderId="13" xfId="0" applyFill="1" applyBorder="1" applyAlignment="1">
      <alignment horizontal="center" vertical="center"/>
    </xf>
    <xf numFmtId="0" fontId="0" fillId="33" borderId="14" xfId="0" applyFill="1" applyBorder="1" applyAlignment="1">
      <alignment horizontal="left" vertical="center"/>
    </xf>
    <xf numFmtId="0" fontId="3" fillId="33" borderId="1" xfId="0" applyFont="1" applyFill="1" applyBorder="1" applyAlignment="1">
      <alignment horizontal="left" vertical="center"/>
    </xf>
    <xf numFmtId="0" fontId="3" fillId="33" borderId="38" xfId="0" applyFont="1" applyFill="1" applyBorder="1" applyAlignment="1">
      <alignment horizontal="left" vertical="center"/>
    </xf>
    <xf numFmtId="0" fontId="3" fillId="33" borderId="15" xfId="0" applyFont="1" applyFill="1" applyBorder="1" applyAlignment="1">
      <alignment horizontal="left" vertical="center"/>
    </xf>
    <xf numFmtId="0" fontId="3" fillId="33" borderId="29" xfId="0" applyFont="1" applyFill="1" applyBorder="1" applyAlignment="1">
      <alignment horizontal="left" vertical="center"/>
    </xf>
    <xf numFmtId="0" fontId="0" fillId="33" borderId="13" xfId="0" applyFill="1" applyBorder="1" applyAlignment="1">
      <alignment vertical="center"/>
    </xf>
    <xf numFmtId="0" fontId="3" fillId="33" borderId="25" xfId="0" applyFont="1" applyFill="1" applyBorder="1" applyAlignment="1">
      <alignment vertical="center" wrapText="1"/>
    </xf>
    <xf numFmtId="0" fontId="3" fillId="33" borderId="41" xfId="0" applyFont="1" applyFill="1" applyBorder="1" applyAlignment="1">
      <alignment horizontal="left" vertical="center"/>
    </xf>
    <xf numFmtId="0" fontId="3" fillId="33" borderId="44" xfId="0" applyFont="1" applyFill="1" applyBorder="1" applyAlignment="1">
      <alignment horizontal="left" vertical="center"/>
    </xf>
    <xf numFmtId="0" fontId="3" fillId="33" borderId="28" xfId="0" applyFont="1" applyFill="1" applyBorder="1" applyAlignment="1">
      <alignment vertical="center" wrapText="1"/>
    </xf>
    <xf numFmtId="0" fontId="0" fillId="33" borderId="17" xfId="0" applyFill="1" applyBorder="1" applyAlignment="1">
      <alignment horizontal="center" vertical="center"/>
    </xf>
    <xf numFmtId="0" fontId="3" fillId="33" borderId="31" xfId="0" applyFont="1" applyFill="1" applyBorder="1" applyAlignment="1">
      <alignment vertical="center" wrapText="1"/>
    </xf>
    <xf numFmtId="0" fontId="9" fillId="33" borderId="33" xfId="0" applyFont="1" applyFill="1" applyBorder="1" applyAlignment="1">
      <alignment horizontal="left" vertical="center"/>
    </xf>
    <xf numFmtId="0" fontId="9" fillId="33" borderId="34" xfId="0" applyFont="1" applyFill="1" applyBorder="1" applyAlignment="1">
      <alignment horizontal="left" vertical="center"/>
    </xf>
    <xf numFmtId="0" fontId="3" fillId="33" borderId="31" xfId="0" applyFont="1" applyFill="1" applyBorder="1" applyAlignment="1">
      <alignment horizontal="left" vertical="center"/>
    </xf>
    <xf numFmtId="0" fontId="3" fillId="33" borderId="4" xfId="0" applyFont="1" applyFill="1" applyBorder="1" applyAlignment="1">
      <alignment horizontal="left" vertical="center"/>
    </xf>
    <xf numFmtId="0" fontId="3" fillId="33" borderId="31" xfId="0" applyFont="1" applyFill="1" applyBorder="1" applyAlignment="1">
      <alignment horizontal="left" vertical="center" shrinkToFit="1"/>
    </xf>
    <xf numFmtId="0" fontId="11" fillId="33" borderId="0" xfId="0" applyFont="1" applyFill="1" applyAlignment="1">
      <alignment horizontal="center" vertical="center"/>
    </xf>
    <xf numFmtId="0" fontId="3" fillId="33" borderId="45" xfId="0" applyFont="1" applyFill="1" applyBorder="1" applyAlignment="1">
      <alignment vertical="center"/>
    </xf>
    <xf numFmtId="0" fontId="3" fillId="33" borderId="3" xfId="0" applyFont="1" applyFill="1" applyBorder="1" applyAlignment="1">
      <alignment vertical="center" wrapText="1"/>
    </xf>
    <xf numFmtId="0" fontId="3" fillId="33" borderId="17" xfId="0" applyFont="1" applyFill="1" applyBorder="1" applyAlignment="1">
      <alignment vertical="center" wrapText="1"/>
    </xf>
    <xf numFmtId="0" fontId="3" fillId="33" borderId="43" xfId="0" applyFont="1" applyFill="1" applyBorder="1" applyAlignment="1">
      <alignment vertical="center"/>
    </xf>
    <xf numFmtId="0" fontId="3" fillId="33" borderId="28" xfId="0" applyFont="1" applyFill="1" applyBorder="1" applyAlignment="1">
      <alignment vertical="center" shrinkToFit="1"/>
    </xf>
    <xf numFmtId="0" fontId="0" fillId="33" borderId="5" xfId="0" applyFill="1" applyBorder="1" applyAlignment="1">
      <alignment vertical="center"/>
    </xf>
    <xf numFmtId="0" fontId="0" fillId="33" borderId="15" xfId="0" applyFill="1" applyBorder="1" applyAlignment="1">
      <alignment vertical="center"/>
    </xf>
    <xf numFmtId="0" fontId="3" fillId="33" borderId="3" xfId="0" applyFont="1" applyFill="1" applyBorder="1" applyAlignment="1">
      <alignment horizontal="center" vertical="center" wrapText="1"/>
    </xf>
    <xf numFmtId="0" fontId="3" fillId="33" borderId="17" xfId="0" applyFont="1" applyFill="1" applyBorder="1" applyAlignment="1">
      <alignment horizontal="center" vertical="center" wrapText="1"/>
    </xf>
    <xf numFmtId="0" fontId="0" fillId="33" borderId="0" xfId="0" applyFill="1" applyAlignment="1">
      <alignment vertical="center"/>
    </xf>
    <xf numFmtId="0" fontId="0" fillId="33" borderId="27" xfId="0" applyFill="1" applyBorder="1" applyAlignment="1">
      <alignment vertical="center"/>
    </xf>
    <xf numFmtId="0" fontId="3" fillId="33" borderId="16" xfId="0" applyFont="1" applyFill="1" applyBorder="1" applyAlignment="1">
      <alignment horizontal="center" vertical="center" wrapText="1"/>
    </xf>
    <xf numFmtId="0" fontId="3" fillId="33" borderId="42" xfId="0" applyFont="1" applyFill="1" applyBorder="1" applyAlignment="1">
      <alignment horizontal="left" vertical="center"/>
    </xf>
    <xf numFmtId="0" fontId="0" fillId="33" borderId="14" xfId="0" applyFill="1" applyBorder="1" applyAlignment="1">
      <alignment vertical="center"/>
    </xf>
    <xf numFmtId="0" fontId="3" fillId="33" borderId="17" xfId="0" applyFont="1" applyFill="1" applyBorder="1" applyAlignment="1">
      <alignment horizontal="left" vertical="center" shrinkToFit="1"/>
    </xf>
    <xf numFmtId="0" fontId="3" fillId="33" borderId="0" xfId="0" applyFont="1" applyFill="1" applyBorder="1" applyAlignment="1">
      <alignment vertical="center"/>
    </xf>
    <xf numFmtId="0" fontId="3" fillId="33" borderId="0" xfId="0" applyFont="1" applyFill="1" applyBorder="1" applyAlignment="1">
      <alignment vertical="top"/>
    </xf>
    <xf numFmtId="0" fontId="0" fillId="33" borderId="0" xfId="0" applyFill="1" applyBorder="1" applyAlignment="1">
      <alignment horizontal="center" vertical="center"/>
    </xf>
    <xf numFmtId="0" fontId="3" fillId="33" borderId="0" xfId="0" applyFont="1" applyFill="1" applyBorder="1" applyAlignment="1">
      <alignment horizontal="left" vertical="center"/>
    </xf>
    <xf numFmtId="0" fontId="0" fillId="33" borderId="0" xfId="0" applyFill="1" applyBorder="1" applyAlignment="1">
      <alignment horizontal="left" vertical="center"/>
    </xf>
    <xf numFmtId="0" fontId="3" fillId="33" borderId="0" xfId="0" applyFont="1" applyFill="1" applyBorder="1" applyAlignment="1">
      <alignment horizontal="center" vertical="center"/>
    </xf>
    <xf numFmtId="0" fontId="3" fillId="33" borderId="3" xfId="0" applyFont="1" applyFill="1" applyBorder="1" applyAlignment="1">
      <alignment horizontal="center" vertical="center"/>
    </xf>
    <xf numFmtId="0" fontId="3" fillId="33" borderId="15" xfId="0" applyFont="1" applyFill="1" applyBorder="1" applyAlignment="1">
      <alignment horizontal="center" vertical="center"/>
    </xf>
    <xf numFmtId="0" fontId="3" fillId="33" borderId="16" xfId="0" applyFont="1" applyFill="1" applyBorder="1" applyAlignment="1">
      <alignment horizontal="center" vertical="center"/>
    </xf>
    <xf numFmtId="0" fontId="3" fillId="33" borderId="5" xfId="0" applyFont="1" applyFill="1" applyBorder="1" applyAlignment="1">
      <alignment vertical="center" wrapText="1"/>
    </xf>
    <xf numFmtId="0" fontId="0" fillId="33" borderId="1" xfId="0" applyFill="1" applyBorder="1" applyAlignment="1">
      <alignment horizontal="left" vertical="center"/>
    </xf>
    <xf numFmtId="0" fontId="3" fillId="33" borderId="28" xfId="0" applyFont="1" applyFill="1" applyBorder="1" applyAlignment="1">
      <alignment vertical="center" wrapText="1"/>
    </xf>
    <xf numFmtId="0" fontId="3" fillId="33" borderId="34" xfId="0" applyFont="1" applyFill="1" applyBorder="1" applyAlignment="1">
      <alignment vertical="top"/>
    </xf>
    <xf numFmtId="0" fontId="3" fillId="33" borderId="44" xfId="0" applyFont="1" applyFill="1" applyBorder="1" applyAlignment="1">
      <alignment vertical="center"/>
    </xf>
    <xf numFmtId="0" fontId="9" fillId="33" borderId="33" xfId="0" applyFont="1" applyFill="1" applyBorder="1" applyAlignment="1">
      <alignment vertical="center"/>
    </xf>
    <xf numFmtId="0" fontId="3" fillId="33" borderId="14" xfId="0" applyFont="1" applyFill="1" applyBorder="1" applyAlignment="1">
      <alignment vertical="center"/>
    </xf>
    <xf numFmtId="0" fontId="3" fillId="33" borderId="0" xfId="0" applyFont="1" applyFill="1" applyAlignment="1">
      <alignment horizontal="center"/>
    </xf>
    <xf numFmtId="0" fontId="3" fillId="33" borderId="0" xfId="0" applyFont="1" applyFill="1"/>
    <xf numFmtId="0" fontId="0" fillId="33" borderId="0" xfId="0" applyFill="1"/>
    <xf numFmtId="0" fontId="10" fillId="33" borderId="0" xfId="0" applyFont="1" applyFill="1" applyAlignment="1">
      <alignment horizontal="left" vertical="center"/>
    </xf>
    <xf numFmtId="0" fontId="11" fillId="33" borderId="0" xfId="0" applyFont="1" applyFill="1" applyAlignment="1">
      <alignment horizontal="left" vertical="center"/>
    </xf>
    <xf numFmtId="0" fontId="3" fillId="33" borderId="0" xfId="0" applyFont="1" applyFill="1" applyAlignment="1">
      <alignment vertical="top" wrapText="1"/>
    </xf>
    <xf numFmtId="0" fontId="0" fillId="33" borderId="0" xfId="0" applyFill="1" applyBorder="1"/>
    <xf numFmtId="0" fontId="8" fillId="33" borderId="0" xfId="0" applyFont="1" applyFill="1" applyAlignment="1">
      <alignment horizontal="left" vertical="center"/>
    </xf>
    <xf numFmtId="0" fontId="3" fillId="33" borderId="11" xfId="0" applyFont="1" applyFill="1" applyBorder="1" applyAlignment="1">
      <alignment horizontal="center" vertical="center"/>
    </xf>
    <xf numFmtId="0" fontId="0" fillId="33" borderId="48" xfId="0" applyFill="1" applyBorder="1" applyAlignment="1">
      <alignment horizontal="center" vertical="center"/>
    </xf>
    <xf numFmtId="0" fontId="3" fillId="33" borderId="28" xfId="0" applyFont="1" applyFill="1" applyBorder="1" applyAlignment="1">
      <alignment horizontal="left" vertical="center"/>
    </xf>
    <xf numFmtId="0" fontId="3" fillId="33" borderId="29" xfId="0" applyFont="1" applyFill="1" applyBorder="1" applyAlignment="1">
      <alignment vertical="center" wrapText="1"/>
    </xf>
    <xf numFmtId="0" fontId="3" fillId="33" borderId="0" xfId="0" applyFont="1" applyFill="1" applyBorder="1" applyAlignment="1">
      <alignment horizontal="left" vertical="center" wrapText="1"/>
    </xf>
    <xf numFmtId="0" fontId="3" fillId="33" borderId="83" xfId="0" applyFont="1" applyFill="1" applyBorder="1" applyAlignment="1">
      <alignment vertical="center"/>
    </xf>
    <xf numFmtId="0" fontId="3" fillId="33" borderId="79" xfId="0" applyFont="1" applyFill="1" applyBorder="1" applyAlignment="1">
      <alignment vertical="center"/>
    </xf>
    <xf numFmtId="0" fontId="3" fillId="33" borderId="79" xfId="0" applyFont="1" applyFill="1" applyBorder="1" applyAlignment="1">
      <alignment vertical="center" wrapText="1"/>
    </xf>
    <xf numFmtId="0" fontId="3" fillId="33" borderId="4" xfId="0" applyFont="1" applyFill="1" applyBorder="1" applyAlignment="1">
      <alignment vertical="top"/>
    </xf>
    <xf numFmtId="0" fontId="3" fillId="33" borderId="17" xfId="0" applyFont="1" applyFill="1" applyBorder="1" applyAlignment="1">
      <alignment horizontal="center" vertical="center"/>
    </xf>
    <xf numFmtId="0" fontId="3" fillId="33" borderId="27" xfId="0" applyFont="1" applyFill="1" applyBorder="1" applyAlignment="1">
      <alignment horizontal="left" vertical="center"/>
    </xf>
    <xf numFmtId="0" fontId="34" fillId="33" borderId="3" xfId="0" applyFont="1" applyFill="1" applyBorder="1" applyAlignment="1">
      <alignment horizontal="center" vertical="center"/>
    </xf>
    <xf numFmtId="0" fontId="13" fillId="33" borderId="3" xfId="0" applyFont="1" applyFill="1" applyBorder="1" applyAlignment="1">
      <alignment horizontal="left" vertical="center" wrapText="1"/>
    </xf>
    <xf numFmtId="0" fontId="13" fillId="33" borderId="1" xfId="0" applyFont="1" applyFill="1" applyBorder="1" applyAlignment="1">
      <alignment vertical="center"/>
    </xf>
    <xf numFmtId="0" fontId="15" fillId="33" borderId="4" xfId="0" applyFont="1" applyFill="1" applyBorder="1" applyAlignment="1">
      <alignment horizontal="left" vertical="center"/>
    </xf>
    <xf numFmtId="0" fontId="15" fillId="33" borderId="1" xfId="0" applyFont="1" applyFill="1" applyBorder="1" applyAlignment="1">
      <alignment horizontal="left" vertical="center"/>
    </xf>
    <xf numFmtId="0" fontId="34" fillId="33" borderId="4" xfId="0" applyFont="1" applyFill="1" applyBorder="1" applyAlignment="1">
      <alignment horizontal="center" vertical="center"/>
    </xf>
    <xf numFmtId="0" fontId="13" fillId="33" borderId="4" xfId="0" applyFont="1" applyFill="1" applyBorder="1" applyAlignment="1">
      <alignment vertical="top"/>
    </xf>
    <xf numFmtId="0" fontId="13" fillId="33" borderId="1" xfId="0" applyFont="1" applyFill="1" applyBorder="1" applyAlignment="1">
      <alignment vertical="top"/>
    </xf>
    <xf numFmtId="0" fontId="13" fillId="33" borderId="16" xfId="0" applyFont="1" applyFill="1" applyBorder="1" applyAlignment="1">
      <alignment vertical="center"/>
    </xf>
    <xf numFmtId="0" fontId="13" fillId="33" borderId="15" xfId="0" applyFont="1" applyFill="1" applyBorder="1" applyAlignment="1">
      <alignment horizontal="center" vertical="center"/>
    </xf>
    <xf numFmtId="0" fontId="13" fillId="33" borderId="29" xfId="0" applyFont="1" applyFill="1" applyBorder="1" applyAlignment="1">
      <alignment vertical="center"/>
    </xf>
    <xf numFmtId="0" fontId="13" fillId="33" borderId="16" xfId="0" applyFont="1" applyFill="1" applyBorder="1" applyAlignment="1">
      <alignment horizontal="left" vertical="center"/>
    </xf>
    <xf numFmtId="0" fontId="13" fillId="33" borderId="15" xfId="0" applyFont="1" applyFill="1" applyBorder="1" applyAlignment="1">
      <alignment vertical="center" wrapText="1"/>
    </xf>
    <xf numFmtId="0" fontId="13" fillId="33" borderId="16" xfId="0" applyFont="1" applyFill="1" applyBorder="1" applyAlignment="1">
      <alignment horizontal="center" vertical="center" wrapText="1"/>
    </xf>
    <xf numFmtId="0" fontId="13" fillId="33" borderId="15" xfId="0" applyFont="1" applyFill="1" applyBorder="1" applyAlignment="1">
      <alignment vertical="center"/>
    </xf>
    <xf numFmtId="0" fontId="15" fillId="33" borderId="5" xfId="0" applyFont="1" applyFill="1" applyBorder="1" applyAlignment="1">
      <alignment vertical="center"/>
    </xf>
    <xf numFmtId="0" fontId="15" fillId="33" borderId="15" xfId="0" applyFont="1" applyFill="1" applyBorder="1" applyAlignment="1">
      <alignment vertical="center"/>
    </xf>
    <xf numFmtId="0" fontId="34" fillId="33" borderId="5" xfId="0" applyFont="1" applyFill="1" applyBorder="1" applyAlignment="1">
      <alignment horizontal="center" vertical="center"/>
    </xf>
    <xf numFmtId="0" fontId="13" fillId="33" borderId="5" xfId="0" applyFont="1" applyFill="1" applyBorder="1" applyAlignment="1">
      <alignment vertical="top"/>
    </xf>
    <xf numFmtId="0" fontId="13" fillId="33" borderId="15" xfId="0" applyFont="1" applyFill="1" applyBorder="1" applyAlignment="1">
      <alignment vertical="top"/>
    </xf>
    <xf numFmtId="0" fontId="34" fillId="33" borderId="17" xfId="0" applyFont="1" applyFill="1" applyBorder="1" applyAlignment="1">
      <alignment horizontal="center" vertical="center"/>
    </xf>
    <xf numFmtId="0" fontId="3" fillId="33" borderId="5" xfId="0" applyFont="1" applyFill="1" applyBorder="1" applyAlignment="1">
      <alignment horizontal="left" vertical="center" wrapText="1"/>
    </xf>
    <xf numFmtId="0" fontId="0" fillId="33" borderId="49" xfId="0" applyFill="1" applyBorder="1" applyAlignment="1">
      <alignment horizontal="center" vertical="center"/>
    </xf>
    <xf numFmtId="0" fontId="3" fillId="33" borderId="27" xfId="0" applyFont="1" applyFill="1" applyBorder="1" applyAlignment="1">
      <alignment vertical="center" wrapText="1"/>
    </xf>
    <xf numFmtId="0" fontId="3" fillId="33" borderId="79" xfId="0" applyFont="1" applyFill="1" applyBorder="1" applyAlignment="1">
      <alignment horizontal="center" vertical="center"/>
    </xf>
    <xf numFmtId="0" fontId="3" fillId="33" borderId="82" xfId="0" applyFont="1" applyFill="1" applyBorder="1" applyAlignment="1">
      <alignment vertical="center"/>
    </xf>
    <xf numFmtId="0" fontId="3" fillId="33" borderId="80" xfId="0" applyFont="1" applyFill="1" applyBorder="1" applyAlignment="1">
      <alignment vertical="center"/>
    </xf>
    <xf numFmtId="0" fontId="0" fillId="33" borderId="80" xfId="0" applyFill="1" applyBorder="1" applyAlignment="1">
      <alignment vertical="center"/>
    </xf>
    <xf numFmtId="0" fontId="0" fillId="33" borderId="80" xfId="0" applyFill="1" applyBorder="1" applyAlignment="1">
      <alignment horizontal="center" vertical="center"/>
    </xf>
    <xf numFmtId="0" fontId="0" fillId="33" borderId="79" xfId="0" applyFill="1" applyBorder="1" applyAlignment="1">
      <alignment horizontal="left" vertical="center"/>
    </xf>
    <xf numFmtId="0" fontId="3" fillId="33" borderId="0" xfId="0" applyFont="1" applyFill="1" applyBorder="1" applyAlignment="1">
      <alignment vertical="center" wrapText="1"/>
    </xf>
    <xf numFmtId="0" fontId="3" fillId="33" borderId="37" xfId="0" applyFont="1" applyFill="1" applyBorder="1" applyAlignment="1">
      <alignment horizontal="left" vertical="center" shrinkToFit="1"/>
    </xf>
    <xf numFmtId="0" fontId="3" fillId="33" borderId="34" xfId="0" applyFont="1" applyFill="1" applyBorder="1" applyAlignment="1">
      <alignment horizontal="left" vertical="center" shrinkToFit="1"/>
    </xf>
    <xf numFmtId="0" fontId="3" fillId="33" borderId="36" xfId="0" applyFont="1" applyFill="1" applyBorder="1" applyAlignment="1">
      <alignment horizontal="left" vertical="center" shrinkToFit="1"/>
    </xf>
    <xf numFmtId="0" fontId="3" fillId="33" borderId="38" xfId="0" applyFont="1" applyFill="1" applyBorder="1" applyAlignment="1">
      <alignment horizontal="left" vertical="center" shrinkToFit="1"/>
    </xf>
    <xf numFmtId="0" fontId="12" fillId="33" borderId="0" xfId="0" applyFont="1" applyFill="1" applyAlignment="1">
      <alignment horizontal="left" vertical="center"/>
    </xf>
    <xf numFmtId="0" fontId="3" fillId="33" borderId="79" xfId="0" applyFont="1" applyFill="1" applyBorder="1" applyAlignment="1">
      <alignment horizontal="left" vertical="center"/>
    </xf>
    <xf numFmtId="0" fontId="0" fillId="33" borderId="87" xfId="0" applyFill="1" applyBorder="1" applyAlignment="1">
      <alignment horizontal="left" vertical="center"/>
    </xf>
    <xf numFmtId="0" fontId="3" fillId="33" borderId="79" xfId="0" applyFont="1" applyFill="1" applyBorder="1" applyAlignment="1">
      <alignment vertical="top"/>
    </xf>
    <xf numFmtId="0" fontId="3" fillId="33" borderId="43" xfId="0" applyFont="1" applyFill="1" applyBorder="1" applyAlignment="1">
      <alignment horizontal="left" vertical="center" shrinkToFit="1"/>
    </xf>
    <xf numFmtId="0" fontId="3" fillId="33" borderId="25" xfId="0" applyFont="1" applyFill="1" applyBorder="1" applyAlignment="1">
      <alignment horizontal="left" vertical="center"/>
    </xf>
    <xf numFmtId="0" fontId="3" fillId="33" borderId="95" xfId="0" applyFont="1" applyFill="1" applyBorder="1" applyAlignment="1">
      <alignment vertical="center"/>
    </xf>
    <xf numFmtId="0" fontId="3" fillId="33" borderId="38" xfId="0" applyFont="1" applyFill="1" applyBorder="1" applyAlignment="1">
      <alignment vertical="center"/>
    </xf>
    <xf numFmtId="0" fontId="0" fillId="33" borderId="1" xfId="0" applyFill="1" applyBorder="1" applyAlignment="1">
      <alignment vertical="center" wrapText="1"/>
    </xf>
    <xf numFmtId="0" fontId="0" fillId="33" borderId="27" xfId="0" applyFill="1" applyBorder="1" applyAlignment="1">
      <alignment vertical="center" wrapText="1"/>
    </xf>
    <xf numFmtId="0" fontId="3" fillId="33" borderId="31" xfId="0" applyFont="1" applyFill="1" applyBorder="1" applyAlignment="1">
      <alignment vertical="center" shrinkToFit="1"/>
    </xf>
    <xf numFmtId="0" fontId="3" fillId="33" borderId="44" xfId="0" applyFont="1" applyFill="1" applyBorder="1" applyAlignment="1">
      <alignment vertical="top"/>
    </xf>
    <xf numFmtId="0" fontId="3" fillId="33" borderId="38" xfId="0" applyFont="1" applyFill="1" applyBorder="1" applyAlignment="1">
      <alignment vertical="center" shrinkToFit="1"/>
    </xf>
    <xf numFmtId="0" fontId="3" fillId="33" borderId="37" xfId="0" applyFont="1" applyFill="1" applyBorder="1" applyAlignment="1">
      <alignment vertical="top"/>
    </xf>
    <xf numFmtId="0" fontId="9" fillId="33" borderId="34" xfId="0" applyFont="1" applyFill="1" applyBorder="1" applyAlignment="1">
      <alignment vertical="center"/>
    </xf>
    <xf numFmtId="0" fontId="3" fillId="33" borderId="42" xfId="0" applyFont="1" applyFill="1" applyBorder="1" applyAlignment="1">
      <alignment vertical="center" wrapText="1"/>
    </xf>
    <xf numFmtId="0" fontId="3" fillId="33" borderId="13" xfId="0" applyFont="1" applyFill="1" applyBorder="1" applyAlignment="1">
      <alignment horizontal="left" vertical="center"/>
    </xf>
    <xf numFmtId="0" fontId="3" fillId="33" borderId="3" xfId="0" applyFont="1" applyFill="1" applyBorder="1"/>
    <xf numFmtId="0" fontId="3" fillId="33" borderId="1" xfId="0" applyFont="1" applyFill="1" applyBorder="1"/>
    <xf numFmtId="0" fontId="3" fillId="33" borderId="1" xfId="0" applyFont="1" applyFill="1" applyBorder="1" applyAlignment="1">
      <alignment wrapText="1"/>
    </xf>
    <xf numFmtId="0" fontId="3" fillId="33" borderId="4" xfId="0" applyFont="1" applyFill="1" applyBorder="1" applyAlignment="1">
      <alignment wrapText="1"/>
    </xf>
    <xf numFmtId="0" fontId="0" fillId="33" borderId="1" xfId="0" applyFill="1" applyBorder="1"/>
    <xf numFmtId="0" fontId="3" fillId="33" borderId="41" xfId="0" applyFont="1" applyFill="1" applyBorder="1" applyAlignment="1">
      <alignment vertical="center" wrapText="1"/>
    </xf>
    <xf numFmtId="0" fontId="3" fillId="33" borderId="16" xfId="0" applyFont="1" applyFill="1" applyBorder="1" applyAlignment="1">
      <alignment vertical="center" wrapText="1"/>
    </xf>
    <xf numFmtId="0" fontId="3" fillId="33" borderId="32" xfId="0" applyFont="1" applyFill="1" applyBorder="1" applyAlignment="1">
      <alignment horizontal="center" vertical="center"/>
    </xf>
    <xf numFmtId="0" fontId="3" fillId="33" borderId="33" xfId="0" applyFont="1" applyFill="1" applyBorder="1" applyAlignment="1">
      <alignment horizontal="center" vertical="center"/>
    </xf>
    <xf numFmtId="0" fontId="3" fillId="33" borderId="43" xfId="0" applyFont="1" applyFill="1" applyBorder="1" applyAlignment="1">
      <alignment vertical="center" shrinkToFit="1"/>
    </xf>
    <xf numFmtId="0" fontId="0" fillId="33" borderId="77" xfId="0" applyFill="1" applyBorder="1" applyAlignment="1">
      <alignment horizontal="left" vertical="center"/>
    </xf>
    <xf numFmtId="0" fontId="0" fillId="33" borderId="78" xfId="0" applyFill="1" applyBorder="1" applyAlignment="1">
      <alignment horizontal="left" vertical="center"/>
    </xf>
    <xf numFmtId="0" fontId="3" fillId="33" borderId="45" xfId="0" applyFont="1" applyFill="1" applyBorder="1" applyAlignment="1">
      <alignment vertical="center" wrapText="1"/>
    </xf>
    <xf numFmtId="0" fontId="3" fillId="33" borderId="88" xfId="0" applyFont="1" applyFill="1" applyBorder="1" applyAlignment="1">
      <alignment vertical="center"/>
    </xf>
    <xf numFmtId="0" fontId="3" fillId="33" borderId="82" xfId="0" applyFont="1" applyFill="1" applyBorder="1" applyAlignment="1">
      <alignment horizontal="center" vertical="center"/>
    </xf>
    <xf numFmtId="0" fontId="3" fillId="33" borderId="89" xfId="0" applyFont="1" applyFill="1" applyBorder="1" applyAlignment="1">
      <alignment vertical="center" wrapText="1"/>
    </xf>
    <xf numFmtId="0" fontId="3" fillId="33" borderId="81" xfId="0" applyFont="1" applyFill="1" applyBorder="1" applyAlignment="1">
      <alignment horizontal="left" vertical="center" wrapText="1"/>
    </xf>
    <xf numFmtId="0" fontId="3" fillId="33" borderId="82" xfId="0" applyFont="1" applyFill="1" applyBorder="1" applyAlignment="1">
      <alignment vertical="center" wrapText="1"/>
    </xf>
    <xf numFmtId="0" fontId="0" fillId="33" borderId="76" xfId="0" applyFill="1" applyBorder="1" applyAlignment="1">
      <alignment vertical="center"/>
    </xf>
    <xf numFmtId="0" fontId="3" fillId="33" borderId="82" xfId="0" applyFont="1" applyFill="1" applyBorder="1" applyAlignment="1">
      <alignment vertical="center" shrinkToFit="1"/>
    </xf>
    <xf numFmtId="0" fontId="0" fillId="33" borderId="88" xfId="0" applyFill="1" applyBorder="1" applyAlignment="1">
      <alignment horizontal="center" vertical="center"/>
    </xf>
    <xf numFmtId="0" fontId="3" fillId="33" borderId="81" xfId="0" applyFont="1" applyFill="1" applyBorder="1" applyAlignment="1">
      <alignment vertical="center"/>
    </xf>
    <xf numFmtId="0" fontId="0" fillId="33" borderId="81" xfId="0" applyFill="1" applyBorder="1" applyAlignment="1">
      <alignment horizontal="center" vertical="center"/>
    </xf>
    <xf numFmtId="0" fontId="3" fillId="33" borderId="81" xfId="0" applyFont="1" applyFill="1" applyBorder="1" applyAlignment="1">
      <alignment horizontal="left" vertical="center"/>
    </xf>
    <xf numFmtId="0" fontId="3" fillId="33" borderId="96" xfId="0" applyFont="1" applyFill="1" applyBorder="1" applyAlignment="1">
      <alignment vertical="center"/>
    </xf>
    <xf numFmtId="0" fontId="3" fillId="33" borderId="90" xfId="0" applyFont="1" applyFill="1" applyBorder="1" applyAlignment="1">
      <alignment vertical="center"/>
    </xf>
    <xf numFmtId="0" fontId="0" fillId="33" borderId="91" xfId="0" applyFill="1" applyBorder="1" applyAlignment="1">
      <alignment horizontal="center" vertical="center"/>
    </xf>
    <xf numFmtId="0" fontId="0" fillId="33" borderId="90" xfId="0" applyFill="1" applyBorder="1" applyAlignment="1">
      <alignment vertical="center"/>
    </xf>
    <xf numFmtId="0" fontId="3" fillId="33" borderId="90" xfId="0" applyFont="1" applyFill="1" applyBorder="1" applyAlignment="1">
      <alignment horizontal="left" vertical="center" wrapText="1"/>
    </xf>
    <xf numFmtId="0" fontId="0" fillId="33" borderId="90" xfId="0" applyFill="1" applyBorder="1" applyAlignment="1">
      <alignment horizontal="center" vertical="center"/>
    </xf>
    <xf numFmtId="0" fontId="0" fillId="33" borderId="90" xfId="0" applyFill="1" applyBorder="1" applyAlignment="1">
      <alignment horizontal="left" vertical="center"/>
    </xf>
    <xf numFmtId="0" fontId="3" fillId="33" borderId="92" xfId="0" applyFont="1" applyFill="1" applyBorder="1" applyAlignment="1">
      <alignment vertical="top"/>
    </xf>
    <xf numFmtId="0" fontId="3" fillId="33" borderId="86" xfId="0" applyFont="1" applyFill="1" applyBorder="1" applyAlignment="1">
      <alignment vertical="center"/>
    </xf>
    <xf numFmtId="0" fontId="9" fillId="33" borderId="0" xfId="0" applyFont="1" applyFill="1" applyAlignment="1">
      <alignment horizontal="left" vertical="center"/>
    </xf>
    <xf numFmtId="0" fontId="3" fillId="33" borderId="42" xfId="0" applyFont="1" applyFill="1" applyBorder="1" applyAlignment="1">
      <alignment vertical="center" shrinkToFit="1"/>
    </xf>
    <xf numFmtId="0" fontId="3" fillId="33" borderId="38" xfId="0" applyFont="1" applyFill="1" applyBorder="1" applyAlignment="1">
      <alignment horizontal="left" vertical="center" wrapText="1"/>
    </xf>
    <xf numFmtId="0" fontId="3" fillId="33" borderId="30" xfId="0" applyFont="1" applyFill="1" applyBorder="1" applyAlignment="1">
      <alignment horizontal="left" vertical="center"/>
    </xf>
    <xf numFmtId="0" fontId="0" fillId="33" borderId="17" xfId="0" applyFill="1" applyBorder="1" applyAlignment="1">
      <alignment horizontal="center" vertical="center"/>
    </xf>
    <xf numFmtId="0" fontId="0" fillId="33" borderId="46" xfId="0" applyFill="1" applyBorder="1" applyAlignment="1">
      <alignment horizontal="center" vertical="center"/>
    </xf>
    <xf numFmtId="0" fontId="0" fillId="33" borderId="30" xfId="0" applyFill="1" applyBorder="1" applyAlignment="1">
      <alignment horizontal="center" vertical="center"/>
    </xf>
    <xf numFmtId="0" fontId="0" fillId="33" borderId="47" xfId="0" applyFill="1" applyBorder="1" applyAlignment="1">
      <alignment horizontal="center" vertical="center"/>
    </xf>
    <xf numFmtId="0" fontId="3" fillId="33" borderId="37" xfId="0" applyFont="1" applyFill="1" applyBorder="1" applyAlignment="1">
      <alignment horizontal="left" vertical="center"/>
    </xf>
    <xf numFmtId="0" fontId="3" fillId="33" borderId="97" xfId="0" applyFont="1" applyFill="1" applyBorder="1" applyAlignment="1">
      <alignment vertical="center"/>
    </xf>
    <xf numFmtId="0" fontId="3" fillId="33" borderId="98" xfId="0" applyFont="1" applyFill="1" applyBorder="1" applyAlignment="1">
      <alignment vertical="center"/>
    </xf>
    <xf numFmtId="0" fontId="3" fillId="33" borderId="100" xfId="0" applyFont="1" applyFill="1" applyBorder="1" applyAlignment="1">
      <alignment vertical="center"/>
    </xf>
    <xf numFmtId="0" fontId="0" fillId="33" borderId="100" xfId="0" applyFill="1" applyBorder="1" applyAlignment="1">
      <alignment vertical="center"/>
    </xf>
    <xf numFmtId="0" fontId="3" fillId="33" borderId="100" xfId="0" applyFont="1" applyFill="1" applyBorder="1" applyAlignment="1">
      <alignment horizontal="left" vertical="center" wrapText="1"/>
    </xf>
    <xf numFmtId="0" fontId="0" fillId="33" borderId="100" xfId="0" applyFill="1" applyBorder="1" applyAlignment="1">
      <alignment horizontal="center" vertical="center"/>
    </xf>
    <xf numFmtId="0" fontId="0" fillId="33" borderId="100" xfId="0" applyFill="1" applyBorder="1" applyAlignment="1">
      <alignment horizontal="left" vertical="center"/>
    </xf>
    <xf numFmtId="0" fontId="3" fillId="33" borderId="99" xfId="0" applyFont="1" applyFill="1" applyBorder="1" applyAlignment="1">
      <alignment vertical="top"/>
    </xf>
    <xf numFmtId="0" fontId="3" fillId="33" borderId="98" xfId="0" applyFont="1" applyFill="1" applyBorder="1" applyAlignment="1">
      <alignment vertical="center" shrinkToFit="1"/>
    </xf>
    <xf numFmtId="0" fontId="0" fillId="33" borderId="101" xfId="0" applyFill="1" applyBorder="1" applyAlignment="1">
      <alignment horizontal="center" vertical="center"/>
    </xf>
    <xf numFmtId="0" fontId="0" fillId="33" borderId="99" xfId="0" applyFill="1" applyBorder="1" applyAlignment="1">
      <alignment horizontal="left" vertical="center"/>
    </xf>
    <xf numFmtId="0" fontId="3" fillId="33" borderId="102" xfId="0" applyFont="1" applyFill="1" applyBorder="1" applyAlignment="1">
      <alignment vertical="center"/>
    </xf>
    <xf numFmtId="0" fontId="3" fillId="33" borderId="103" xfId="0" applyFont="1" applyFill="1" applyBorder="1" applyAlignment="1">
      <alignment vertical="center"/>
    </xf>
    <xf numFmtId="0" fontId="0" fillId="33" borderId="102" xfId="0" applyFill="1" applyBorder="1" applyAlignment="1">
      <alignment horizontal="left" vertical="center"/>
    </xf>
    <xf numFmtId="0" fontId="0" fillId="33" borderId="103" xfId="0" applyFill="1" applyBorder="1" applyAlignment="1">
      <alignment horizontal="left" vertical="center"/>
    </xf>
    <xf numFmtId="0" fontId="8" fillId="33" borderId="0" xfId="0" applyFont="1" applyFill="1" applyAlignment="1">
      <alignment horizontal="center" vertical="center"/>
    </xf>
    <xf numFmtId="0" fontId="3" fillId="33" borderId="6" xfId="0" applyFont="1" applyFill="1" applyBorder="1" applyAlignment="1">
      <alignment horizontal="center" vertical="center"/>
    </xf>
    <xf numFmtId="0" fontId="3" fillId="33" borderId="7" xfId="0" applyFont="1" applyFill="1" applyBorder="1" applyAlignment="1">
      <alignment horizontal="center" vertical="center"/>
    </xf>
    <xf numFmtId="0" fontId="3" fillId="33" borderId="8" xfId="0" applyFont="1" applyFill="1" applyBorder="1" applyAlignment="1">
      <alignment horizontal="center" vertical="center"/>
    </xf>
    <xf numFmtId="0" fontId="3" fillId="33" borderId="56" xfId="0" applyFont="1" applyFill="1" applyBorder="1" applyAlignment="1">
      <alignment horizontal="center" vertical="center"/>
    </xf>
    <xf numFmtId="0" fontId="3" fillId="33" borderId="57" xfId="0" applyFont="1" applyFill="1" applyBorder="1" applyAlignment="1">
      <alignment horizontal="center" vertical="center"/>
    </xf>
    <xf numFmtId="0" fontId="3" fillId="33" borderId="58" xfId="0" applyFont="1" applyFill="1" applyBorder="1" applyAlignment="1">
      <alignment horizontal="center" vertical="center"/>
    </xf>
    <xf numFmtId="0" fontId="3" fillId="33" borderId="59" xfId="0" applyFont="1" applyFill="1" applyBorder="1" applyAlignment="1">
      <alignment horizontal="center" vertical="center"/>
    </xf>
    <xf numFmtId="0" fontId="3" fillId="33" borderId="45" xfId="0" applyFont="1" applyFill="1" applyBorder="1" applyAlignment="1">
      <alignment horizontal="left" vertical="center" wrapText="1"/>
    </xf>
    <xf numFmtId="0" fontId="3" fillId="33" borderId="38" xfId="0" applyFont="1" applyFill="1" applyBorder="1" applyAlignment="1">
      <alignment horizontal="left" vertical="center" wrapText="1"/>
    </xf>
    <xf numFmtId="0" fontId="3" fillId="33" borderId="35" xfId="0" applyFont="1" applyFill="1" applyBorder="1" applyAlignment="1">
      <alignment horizontal="center" vertical="center" wrapText="1"/>
    </xf>
    <xf numFmtId="0" fontId="3" fillId="33" borderId="30" xfId="0" applyFont="1" applyFill="1" applyBorder="1" applyAlignment="1">
      <alignment horizontal="center" vertical="center" wrapText="1"/>
    </xf>
    <xf numFmtId="0" fontId="3" fillId="33" borderId="3" xfId="0" applyFont="1" applyFill="1" applyBorder="1" applyAlignment="1">
      <alignment horizontal="center" vertical="center"/>
    </xf>
    <xf numFmtId="0" fontId="3" fillId="33" borderId="4" xfId="0" applyFont="1" applyFill="1" applyBorder="1" applyAlignment="1">
      <alignment horizontal="center" vertical="center"/>
    </xf>
    <xf numFmtId="0" fontId="3" fillId="33" borderId="1" xfId="0" applyFont="1" applyFill="1" applyBorder="1" applyAlignment="1">
      <alignment horizontal="center" vertical="center"/>
    </xf>
    <xf numFmtId="0" fontId="3" fillId="33" borderId="17" xfId="0" applyFont="1" applyFill="1" applyBorder="1" applyAlignment="1">
      <alignment horizontal="center" vertical="center"/>
    </xf>
    <xf numFmtId="0" fontId="3" fillId="33" borderId="0" xfId="0" applyFont="1" applyFill="1" applyAlignment="1">
      <alignment horizontal="center" vertical="center"/>
    </xf>
    <xf numFmtId="0" fontId="3" fillId="33" borderId="27" xfId="0" applyFont="1" applyFill="1" applyBorder="1" applyAlignment="1">
      <alignment horizontal="center" vertical="center"/>
    </xf>
    <xf numFmtId="0" fontId="3" fillId="33" borderId="25" xfId="0" applyFont="1" applyFill="1" applyBorder="1" applyAlignment="1">
      <alignment horizontal="left" vertical="center"/>
    </xf>
    <xf numFmtId="0" fontId="3" fillId="33" borderId="28" xfId="0" applyFont="1" applyFill="1" applyBorder="1" applyAlignment="1">
      <alignment horizontal="left" vertical="center"/>
    </xf>
    <xf numFmtId="0" fontId="3" fillId="33" borderId="60" xfId="0" applyFont="1" applyFill="1" applyBorder="1" applyAlignment="1">
      <alignment horizontal="center" vertical="center"/>
    </xf>
    <xf numFmtId="0" fontId="3" fillId="33" borderId="61" xfId="0" applyFont="1" applyFill="1" applyBorder="1" applyAlignment="1">
      <alignment horizontal="center" vertical="center"/>
    </xf>
    <xf numFmtId="0" fontId="3" fillId="33" borderId="62" xfId="0" applyFont="1" applyFill="1" applyBorder="1" applyAlignment="1">
      <alignment horizontal="center" vertical="center"/>
    </xf>
    <xf numFmtId="0" fontId="3" fillId="33" borderId="50" xfId="0" applyFont="1" applyFill="1" applyBorder="1" applyAlignment="1">
      <alignment horizontal="center" vertical="center"/>
    </xf>
    <xf numFmtId="0" fontId="3" fillId="33" borderId="51" xfId="0" applyFont="1" applyFill="1" applyBorder="1" applyAlignment="1">
      <alignment horizontal="center" vertical="center"/>
    </xf>
    <xf numFmtId="0" fontId="3" fillId="33" borderId="52" xfId="0" applyFont="1" applyFill="1" applyBorder="1" applyAlignment="1">
      <alignment horizontal="center" vertical="center"/>
    </xf>
    <xf numFmtId="0" fontId="3" fillId="33" borderId="25" xfId="0" applyFont="1" applyFill="1" applyBorder="1" applyAlignment="1">
      <alignment horizontal="left" vertical="center" wrapText="1"/>
    </xf>
    <xf numFmtId="0" fontId="3" fillId="33" borderId="28" xfId="0" applyFont="1" applyFill="1" applyBorder="1" applyAlignment="1">
      <alignment horizontal="left" vertical="center" wrapText="1"/>
    </xf>
    <xf numFmtId="0" fontId="0" fillId="33" borderId="3" xfId="0" applyFill="1" applyBorder="1" applyAlignment="1">
      <alignment horizontal="center" vertical="center"/>
    </xf>
    <xf numFmtId="0" fontId="0" fillId="33" borderId="17" xfId="0" applyFill="1" applyBorder="1" applyAlignment="1">
      <alignment horizontal="center" vertical="center"/>
    </xf>
    <xf numFmtId="0" fontId="3" fillId="33" borderId="4" xfId="0" applyFont="1" applyFill="1" applyBorder="1" applyAlignment="1">
      <alignment horizontal="left" vertical="center"/>
    </xf>
    <xf numFmtId="0" fontId="3" fillId="33" borderId="0" xfId="0" applyFont="1" applyFill="1" applyAlignment="1">
      <alignment horizontal="left" vertical="center"/>
    </xf>
    <xf numFmtId="0" fontId="0" fillId="33" borderId="4" xfId="0" applyFill="1" applyBorder="1" applyAlignment="1">
      <alignment horizontal="center" vertical="center"/>
    </xf>
    <xf numFmtId="0" fontId="0" fillId="33" borderId="0" xfId="0" applyFill="1" applyAlignment="1">
      <alignment horizontal="center" vertical="center"/>
    </xf>
    <xf numFmtId="0" fontId="3" fillId="33" borderId="35" xfId="0" applyFont="1" applyFill="1" applyBorder="1" applyAlignment="1">
      <alignment horizontal="left" vertical="center"/>
    </xf>
    <xf numFmtId="0" fontId="3" fillId="33" borderId="30" xfId="0" applyFont="1" applyFill="1" applyBorder="1" applyAlignment="1">
      <alignment horizontal="left" vertical="center"/>
    </xf>
    <xf numFmtId="0" fontId="3" fillId="33" borderId="32" xfId="0" applyFont="1" applyFill="1" applyBorder="1" applyAlignment="1">
      <alignment horizontal="center" vertical="center" wrapText="1"/>
    </xf>
    <xf numFmtId="0" fontId="3" fillId="33" borderId="33" xfId="0" applyFont="1" applyFill="1" applyBorder="1" applyAlignment="1">
      <alignment horizontal="left" vertical="center"/>
    </xf>
    <xf numFmtId="0" fontId="3" fillId="33" borderId="33" xfId="0" applyFont="1" applyFill="1" applyBorder="1" applyAlignment="1">
      <alignment horizontal="center" vertical="center" wrapText="1"/>
    </xf>
    <xf numFmtId="0" fontId="3" fillId="33" borderId="0" xfId="0" applyFont="1" applyFill="1" applyAlignment="1">
      <alignment horizontal="left" vertical="center" wrapText="1"/>
    </xf>
    <xf numFmtId="0" fontId="3" fillId="33" borderId="0" xfId="0" applyFont="1" applyFill="1" applyAlignment="1">
      <alignment vertical="center" wrapText="1"/>
    </xf>
    <xf numFmtId="0" fontId="3" fillId="33" borderId="13" xfId="0" applyFont="1" applyFill="1" applyBorder="1" applyAlignment="1">
      <alignment horizontal="left" vertical="center"/>
    </xf>
    <xf numFmtId="0" fontId="3" fillId="33" borderId="16" xfId="0" applyFont="1" applyFill="1" applyBorder="1" applyAlignment="1">
      <alignment horizontal="center" vertical="center"/>
    </xf>
    <xf numFmtId="0" fontId="3" fillId="33" borderId="5" xfId="0" applyFont="1" applyFill="1" applyBorder="1" applyAlignment="1">
      <alignment horizontal="center" vertical="center"/>
    </xf>
    <xf numFmtId="0" fontId="3" fillId="33" borderId="15" xfId="0" applyFont="1" applyFill="1" applyBorder="1" applyAlignment="1">
      <alignment horizontal="center" vertical="center"/>
    </xf>
    <xf numFmtId="0" fontId="3" fillId="33" borderId="29" xfId="0" applyFont="1" applyFill="1" applyBorder="1" applyAlignment="1">
      <alignment horizontal="left" vertical="center"/>
    </xf>
    <xf numFmtId="0" fontId="3" fillId="33" borderId="53" xfId="0" applyFont="1" applyFill="1" applyBorder="1" applyAlignment="1">
      <alignment horizontal="center" vertical="center"/>
    </xf>
    <xf numFmtId="0" fontId="3" fillId="33" borderId="54" xfId="0" applyFont="1" applyFill="1" applyBorder="1" applyAlignment="1">
      <alignment horizontal="center" vertical="center"/>
    </xf>
    <xf numFmtId="0" fontId="3" fillId="33" borderId="55" xfId="0" applyFont="1" applyFill="1" applyBorder="1" applyAlignment="1">
      <alignment horizontal="center" vertical="center"/>
    </xf>
    <xf numFmtId="0" fontId="0" fillId="33" borderId="35" xfId="0" applyFill="1" applyBorder="1" applyAlignment="1">
      <alignment horizontal="center" vertical="center" wrapText="1"/>
    </xf>
    <xf numFmtId="0" fontId="0" fillId="33" borderId="30" xfId="0" applyFill="1" applyBorder="1" applyAlignment="1">
      <alignment horizontal="center" vertical="center" wrapText="1"/>
    </xf>
    <xf numFmtId="0" fontId="3" fillId="33" borderId="29" xfId="0" applyFont="1" applyFill="1" applyBorder="1" applyAlignment="1">
      <alignment horizontal="left" vertical="center" wrapText="1"/>
    </xf>
    <xf numFmtId="0" fontId="0" fillId="33" borderId="32" xfId="0" applyFill="1" applyBorder="1" applyAlignment="1">
      <alignment horizontal="center" vertical="center" wrapText="1"/>
    </xf>
    <xf numFmtId="0" fontId="0" fillId="33" borderId="12" xfId="0" applyFill="1" applyBorder="1" applyAlignment="1">
      <alignment horizontal="center" vertical="center" wrapText="1"/>
    </xf>
    <xf numFmtId="0" fontId="9" fillId="33" borderId="25" xfId="0" applyFont="1" applyFill="1" applyBorder="1" applyAlignment="1">
      <alignment horizontal="left" vertical="center"/>
    </xf>
    <xf numFmtId="0" fontId="9" fillId="33" borderId="29" xfId="0" applyFont="1" applyFill="1" applyBorder="1" applyAlignment="1">
      <alignment horizontal="left" vertical="center"/>
    </xf>
    <xf numFmtId="0" fontId="15" fillId="33" borderId="3" xfId="0" applyFont="1" applyFill="1" applyBorder="1" applyAlignment="1">
      <alignment horizontal="center" vertical="center"/>
    </xf>
    <xf numFmtId="0" fontId="15" fillId="33" borderId="16" xfId="0" applyFont="1" applyFill="1" applyBorder="1" applyAlignment="1">
      <alignment horizontal="center" vertical="center"/>
    </xf>
    <xf numFmtId="0" fontId="9" fillId="33" borderId="4" xfId="0" applyFont="1" applyFill="1" applyBorder="1" applyAlignment="1">
      <alignment horizontal="left" vertical="center"/>
    </xf>
    <xf numFmtId="0" fontId="9" fillId="33" borderId="5" xfId="0" applyFont="1" applyFill="1" applyBorder="1" applyAlignment="1">
      <alignment horizontal="left" vertical="center"/>
    </xf>
    <xf numFmtId="0" fontId="15" fillId="33" borderId="4" xfId="0" applyFont="1" applyFill="1" applyBorder="1" applyAlignment="1">
      <alignment horizontal="center" vertical="center"/>
    </xf>
    <xf numFmtId="0" fontId="15" fillId="33" borderId="5" xfId="0" applyFont="1" applyFill="1" applyBorder="1" applyAlignment="1">
      <alignment horizontal="center" vertical="center"/>
    </xf>
    <xf numFmtId="0" fontId="0" fillId="33" borderId="33" xfId="0" applyFill="1" applyBorder="1" applyAlignment="1">
      <alignment horizontal="center" vertical="center" wrapText="1"/>
    </xf>
    <xf numFmtId="0" fontId="0" fillId="33" borderId="13" xfId="0" applyFill="1" applyBorder="1" applyAlignment="1">
      <alignment horizontal="center" vertical="center" wrapText="1"/>
    </xf>
    <xf numFmtId="0" fontId="3" fillId="33" borderId="0" xfId="0" applyFont="1" applyFill="1" applyAlignment="1">
      <alignment horizontal="center" vertical="center" wrapText="1"/>
    </xf>
    <xf numFmtId="0" fontId="3" fillId="33" borderId="0" xfId="0" applyFont="1" applyFill="1" applyBorder="1" applyAlignment="1">
      <alignment horizontal="left" vertical="center" wrapText="1"/>
    </xf>
    <xf numFmtId="0" fontId="3" fillId="33" borderId="93" xfId="0" applyFont="1" applyFill="1" applyBorder="1" applyAlignment="1">
      <alignment horizontal="center" vertical="center"/>
    </xf>
    <xf numFmtId="0" fontId="3" fillId="33" borderId="65" xfId="0" applyFont="1" applyFill="1" applyBorder="1" applyAlignment="1">
      <alignment horizontal="center" vertical="center"/>
    </xf>
    <xf numFmtId="0" fontId="3" fillId="33" borderId="94" xfId="0" applyFont="1" applyFill="1" applyBorder="1" applyAlignment="1">
      <alignment horizontal="center" vertical="center"/>
    </xf>
    <xf numFmtId="0" fontId="3" fillId="33" borderId="36" xfId="0" applyFont="1" applyFill="1" applyBorder="1" applyAlignment="1">
      <alignment horizontal="left" vertical="center" wrapText="1"/>
    </xf>
    <xf numFmtId="0" fontId="0" fillId="33" borderId="6" xfId="0" applyFill="1" applyBorder="1" applyAlignment="1">
      <alignment horizontal="center" vertical="center"/>
    </xf>
    <xf numFmtId="0" fontId="3" fillId="33" borderId="2" xfId="0" applyFont="1" applyFill="1" applyBorder="1" applyAlignment="1">
      <alignment horizontal="center" vertical="center"/>
    </xf>
    <xf numFmtId="0" fontId="3" fillId="33" borderId="42" xfId="0" applyFont="1" applyFill="1" applyBorder="1" applyAlignment="1">
      <alignment horizontal="left" vertical="center" wrapText="1"/>
    </xf>
    <xf numFmtId="0" fontId="3" fillId="33" borderId="25" xfId="0" applyFont="1" applyFill="1" applyBorder="1" applyAlignment="1">
      <alignment horizontal="center" vertical="center"/>
    </xf>
    <xf numFmtId="0" fontId="3" fillId="33" borderId="2" xfId="0" applyFont="1" applyFill="1" applyBorder="1" applyAlignment="1">
      <alignment horizontal="left" vertical="center"/>
    </xf>
    <xf numFmtId="0" fontId="3" fillId="33" borderId="45" xfId="0" applyFont="1" applyFill="1" applyBorder="1" applyAlignment="1">
      <alignment horizontal="left" vertical="center" shrinkToFit="1"/>
    </xf>
    <xf numFmtId="0" fontId="3" fillId="33" borderId="85" xfId="0" applyFont="1" applyFill="1" applyBorder="1" applyAlignment="1">
      <alignment horizontal="left" vertical="center" wrapText="1"/>
    </xf>
    <xf numFmtId="0" fontId="0" fillId="33" borderId="47" xfId="0" applyFill="1" applyBorder="1" applyAlignment="1">
      <alignment horizontal="center" vertical="center"/>
    </xf>
    <xf numFmtId="0" fontId="0" fillId="33" borderId="32" xfId="0" applyFill="1" applyBorder="1" applyAlignment="1">
      <alignment horizontal="center" vertical="center"/>
    </xf>
    <xf numFmtId="0" fontId="0" fillId="33" borderId="35" xfId="0" applyFill="1" applyBorder="1" applyAlignment="1">
      <alignment horizontal="center" vertical="center"/>
    </xf>
    <xf numFmtId="0" fontId="3" fillId="33" borderId="98" xfId="0" applyFont="1" applyFill="1" applyBorder="1" applyAlignment="1">
      <alignment horizontal="left" vertical="center" wrapText="1"/>
    </xf>
    <xf numFmtId="0" fontId="3" fillId="33" borderId="100" xfId="0" applyFont="1" applyFill="1" applyBorder="1" applyAlignment="1">
      <alignment horizontal="center" vertical="center" wrapText="1"/>
    </xf>
    <xf numFmtId="0" fontId="3" fillId="33" borderId="100" xfId="0" applyFont="1" applyFill="1" applyBorder="1" applyAlignment="1">
      <alignment horizontal="left" vertical="center"/>
    </xf>
    <xf numFmtId="0" fontId="3" fillId="33" borderId="45" xfId="0" applyFont="1" applyFill="1" applyBorder="1" applyAlignment="1">
      <alignment horizontal="left" vertical="center" wrapText="1" shrinkToFit="1"/>
    </xf>
    <xf numFmtId="0" fontId="3" fillId="33" borderId="42" xfId="0" applyFont="1" applyFill="1" applyBorder="1" applyAlignment="1">
      <alignment horizontal="left" vertical="center" wrapText="1" shrinkToFit="1"/>
    </xf>
    <xf numFmtId="0" fontId="3" fillId="33" borderId="98" xfId="0" applyFont="1" applyFill="1" applyBorder="1" applyAlignment="1">
      <alignment horizontal="left" vertical="center" wrapText="1" shrinkToFit="1"/>
    </xf>
    <xf numFmtId="0" fontId="3" fillId="33" borderId="12" xfId="0" applyFont="1" applyFill="1" applyBorder="1" applyAlignment="1">
      <alignment horizontal="center" vertical="center" wrapText="1"/>
    </xf>
    <xf numFmtId="0" fontId="3" fillId="33" borderId="101" xfId="0" applyFont="1" applyFill="1" applyBorder="1" applyAlignment="1">
      <alignment horizontal="center" vertical="center" wrapText="1"/>
    </xf>
    <xf numFmtId="0" fontId="3" fillId="33" borderId="13" xfId="0" applyFont="1" applyFill="1" applyBorder="1" applyAlignment="1">
      <alignment horizontal="center" vertical="center" wrapText="1"/>
    </xf>
    <xf numFmtId="0" fontId="8" fillId="33" borderId="0" xfId="0" applyFont="1" applyFill="1" applyBorder="1" applyAlignment="1">
      <alignment horizontal="center" vertical="center"/>
    </xf>
    <xf numFmtId="0" fontId="3" fillId="33" borderId="45" xfId="0" applyFont="1" applyFill="1" applyBorder="1" applyAlignment="1">
      <alignment vertical="center" wrapText="1"/>
    </xf>
    <xf numFmtId="0" fontId="3" fillId="33" borderId="28" xfId="0" applyFont="1" applyFill="1" applyBorder="1" applyAlignment="1">
      <alignment vertical="center" wrapText="1"/>
    </xf>
    <xf numFmtId="0" fontId="0" fillId="33" borderId="0" xfId="0" applyFill="1" applyAlignment="1">
      <alignment horizontal="center" vertical="center" wrapText="1"/>
    </xf>
    <xf numFmtId="0" fontId="0" fillId="33" borderId="47" xfId="0" applyFill="1" applyBorder="1" applyAlignment="1">
      <alignment horizontal="center" vertical="center" wrapText="1"/>
    </xf>
    <xf numFmtId="0" fontId="3" fillId="33" borderId="38" xfId="0" applyFont="1" applyFill="1" applyBorder="1" applyAlignment="1">
      <alignment vertical="center" wrapText="1"/>
    </xf>
    <xf numFmtId="0" fontId="3" fillId="33" borderId="29" xfId="0" applyFont="1" applyFill="1" applyBorder="1" applyAlignment="1">
      <alignment vertical="center" wrapText="1"/>
    </xf>
    <xf numFmtId="0" fontId="3" fillId="33" borderId="45" xfId="0" applyFont="1" applyFill="1" applyBorder="1" applyAlignment="1">
      <alignment vertical="center" wrapText="1" shrinkToFit="1"/>
    </xf>
    <xf numFmtId="0" fontId="3" fillId="33" borderId="29" xfId="0" applyFont="1" applyFill="1" applyBorder="1" applyAlignment="1">
      <alignment vertical="center" wrapText="1" shrinkToFit="1"/>
    </xf>
    <xf numFmtId="0" fontId="0" fillId="33" borderId="5" xfId="0" applyFill="1" applyBorder="1" applyAlignment="1">
      <alignment horizontal="center" vertical="center" wrapText="1"/>
    </xf>
    <xf numFmtId="0" fontId="3" fillId="33" borderId="5" xfId="0" applyFont="1" applyFill="1" applyBorder="1" applyAlignment="1">
      <alignment horizontal="left" vertical="center"/>
    </xf>
    <xf numFmtId="0" fontId="3" fillId="33" borderId="84" xfId="0" applyFont="1" applyFill="1" applyBorder="1" applyAlignment="1">
      <alignment vertical="center" wrapText="1"/>
    </xf>
    <xf numFmtId="0" fontId="0" fillId="33" borderId="77" xfId="0" applyFill="1" applyBorder="1" applyAlignment="1">
      <alignment horizontal="center" vertical="center" wrapText="1"/>
    </xf>
    <xf numFmtId="0" fontId="3" fillId="33" borderId="77" xfId="0" applyFont="1" applyFill="1" applyBorder="1" applyAlignment="1">
      <alignment horizontal="left" vertic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0" xfId="0" applyFont="1" applyAlignment="1">
      <alignment horizontal="center" vertical="center"/>
    </xf>
    <xf numFmtId="0" fontId="3" fillId="0" borderId="25" xfId="0" applyFont="1" applyBorder="1" applyAlignment="1">
      <alignment horizontal="center" vertical="center" textRotation="255" wrapText="1"/>
    </xf>
    <xf numFmtId="0" fontId="3" fillId="0" borderId="28" xfId="0" applyFont="1" applyBorder="1" applyAlignment="1">
      <alignment horizontal="center" vertical="center" textRotation="255" wrapText="1"/>
    </xf>
    <xf numFmtId="0" fontId="3" fillId="0" borderId="29" xfId="0" applyFont="1" applyBorder="1" applyAlignment="1">
      <alignment horizontal="center" vertical="center" textRotation="255"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0" fillId="0" borderId="4" xfId="0"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 xfId="0" applyFont="1" applyBorder="1" applyAlignment="1">
      <alignment horizontal="left" vertical="center" wrapText="1"/>
    </xf>
    <xf numFmtId="0" fontId="3" fillId="0" borderId="27"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0" xfId="0" applyFont="1" applyAlignment="1">
      <alignment horizontal="justify" vertical="center" wrapText="1"/>
    </xf>
    <xf numFmtId="0" fontId="3" fillId="0" borderId="27" xfId="0" applyFont="1" applyBorder="1" applyAlignment="1">
      <alignment horizontal="justify" vertical="center" wrapText="1"/>
    </xf>
    <xf numFmtId="0" fontId="3" fillId="0" borderId="47" xfId="0" applyFont="1" applyBorder="1" applyAlignment="1">
      <alignment horizontal="justify" vertical="center" wrapText="1"/>
    </xf>
    <xf numFmtId="0" fontId="3" fillId="0" borderId="35" xfId="0" applyFont="1" applyBorder="1" applyAlignment="1">
      <alignment horizontal="justify" vertical="center" wrapText="1"/>
    </xf>
    <xf numFmtId="0" fontId="3" fillId="0" borderId="36"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 xfId="0" applyFont="1" applyBorder="1" applyAlignment="1">
      <alignment horizontal="center" vertical="center" wrapText="1"/>
    </xf>
    <xf numFmtId="0" fontId="3" fillId="0" borderId="2" xfId="0" applyFont="1" applyBorder="1" applyAlignment="1">
      <alignment horizontal="left" wrapText="1"/>
    </xf>
    <xf numFmtId="0" fontId="0" fillId="0" borderId="2" xfId="0" applyBorder="1" applyAlignment="1">
      <alignment horizontal="left" wrapText="1"/>
    </xf>
    <xf numFmtId="0" fontId="0" fillId="0" borderId="6" xfId="0" applyBorder="1" applyAlignment="1">
      <alignment horizontal="left"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3" fillId="0" borderId="6" xfId="0" applyFont="1" applyBorder="1" applyAlignment="1">
      <alignment horizontal="left" shrinkToFit="1"/>
    </xf>
    <xf numFmtId="0" fontId="3" fillId="0" borderId="7"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xf numFmtId="0" fontId="3" fillId="0" borderId="25" xfId="0" applyFont="1" applyBorder="1" applyAlignment="1">
      <alignment horizontal="center" vertical="center" textRotation="255" shrinkToFit="1"/>
    </xf>
    <xf numFmtId="0" fontId="3" fillId="0" borderId="28" xfId="0" applyFont="1" applyBorder="1" applyAlignment="1">
      <alignment horizontal="center" vertical="center" textRotation="255" shrinkToFit="1"/>
    </xf>
    <xf numFmtId="0" fontId="3" fillId="0" borderId="29" xfId="0" applyFont="1" applyBorder="1" applyAlignment="1">
      <alignment horizontal="center" vertical="center" textRotation="255" shrinkToFi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2" xfId="0" applyFont="1" applyBorder="1" applyAlignment="1">
      <alignment horizontal="left" vertical="center" wrapText="1"/>
    </xf>
    <xf numFmtId="0" fontId="4" fillId="0" borderId="2" xfId="0" applyFont="1" applyBorder="1" applyAlignment="1">
      <alignment horizontal="left" vertical="center" wrapText="1"/>
    </xf>
    <xf numFmtId="0" fontId="0" fillId="0" borderId="2" xfId="0" applyBorder="1" applyAlignment="1">
      <alignment horizontal="left" vertical="center" wrapText="1"/>
    </xf>
    <xf numFmtId="0" fontId="3" fillId="0" borderId="25" xfId="0" applyFont="1" applyBorder="1" applyAlignment="1">
      <alignment horizontal="left" vertical="center" wrapText="1"/>
    </xf>
    <xf numFmtId="0" fontId="0" fillId="0" borderId="25" xfId="0" applyBorder="1" applyAlignment="1">
      <alignment horizontal="left" vertical="center" wrapText="1"/>
    </xf>
    <xf numFmtId="0" fontId="3" fillId="0" borderId="2" xfId="0" applyFont="1" applyBorder="1" applyAlignment="1">
      <alignment horizontal="center" wrapText="1"/>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7" xfId="0" applyFont="1" applyBorder="1" applyAlignment="1">
      <alignment horizontal="left" vertical="top"/>
    </xf>
    <xf numFmtId="0" fontId="3" fillId="0" borderId="39" xfId="0" applyFont="1" applyBorder="1" applyAlignment="1">
      <alignment horizontal="left" vertical="top"/>
    </xf>
    <xf numFmtId="0" fontId="0" fillId="0" borderId="7" xfId="0" applyBorder="1" applyAlignment="1">
      <alignment horizontal="left" vertical="top"/>
    </xf>
    <xf numFmtId="0" fontId="0" fillId="0" borderId="39" xfId="0" applyBorder="1" applyAlignment="1">
      <alignment horizontal="left" vertical="top"/>
    </xf>
    <xf numFmtId="0" fontId="3" fillId="0" borderId="4" xfId="0" applyFont="1" applyBorder="1" applyAlignment="1">
      <alignment horizontal="left" vertical="top"/>
    </xf>
    <xf numFmtId="0" fontId="0" fillId="0" borderId="4" xfId="0" applyBorder="1" applyAlignment="1">
      <alignment horizontal="left" vertical="top"/>
    </xf>
    <xf numFmtId="0" fontId="0" fillId="0" borderId="66" xfId="0" applyBorder="1" applyAlignment="1">
      <alignment horizontal="left" vertical="top"/>
    </xf>
    <xf numFmtId="0" fontId="3" fillId="0" borderId="20" xfId="0" applyFont="1" applyBorder="1" applyAlignment="1">
      <alignment horizontal="center" wrapText="1"/>
    </xf>
    <xf numFmtId="0" fontId="3" fillId="0" borderId="1" xfId="0" applyFont="1" applyBorder="1" applyAlignment="1">
      <alignment horizontal="center" wrapText="1"/>
    </xf>
    <xf numFmtId="0" fontId="3" fillId="0" borderId="64" xfId="0" applyFont="1" applyBorder="1" applyAlignment="1">
      <alignment horizontal="center" wrapText="1"/>
    </xf>
    <xf numFmtId="0" fontId="3" fillId="0" borderId="27" xfId="0" applyFont="1" applyBorder="1" applyAlignment="1">
      <alignment horizont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3" xfId="0" applyFont="1" applyBorder="1" applyAlignment="1">
      <alignment horizontal="center"/>
    </xf>
    <xf numFmtId="0" fontId="3" fillId="0" borderId="4" xfId="0" applyFont="1" applyBorder="1" applyAlignment="1">
      <alignment horizontal="center"/>
    </xf>
    <xf numFmtId="0" fontId="3" fillId="0" borderId="1" xfId="0" applyFont="1" applyBorder="1" applyAlignment="1">
      <alignment horizontal="center"/>
    </xf>
    <xf numFmtId="0" fontId="3" fillId="0" borderId="2" xfId="0" applyFont="1" applyBorder="1" applyAlignment="1">
      <alignment horizontal="left" vertical="center"/>
    </xf>
    <xf numFmtId="0" fontId="3" fillId="0" borderId="6" xfId="0" applyFont="1" applyBorder="1" applyAlignment="1">
      <alignment horizontal="left" vertical="center"/>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Alignment="1">
      <alignment horizontal="left" vertical="top" wrapText="1"/>
    </xf>
    <xf numFmtId="0" fontId="3" fillId="0" borderId="23" xfId="0" applyFont="1" applyBorder="1" applyAlignment="1">
      <alignment horizontal="left" vertical="top"/>
    </xf>
    <xf numFmtId="0" fontId="3" fillId="0" borderId="63" xfId="0" applyFont="1" applyBorder="1" applyAlignment="1">
      <alignment horizontal="left" vertical="top"/>
    </xf>
    <xf numFmtId="0" fontId="3" fillId="0" borderId="2" xfId="0" applyFont="1" applyBorder="1" applyAlignment="1">
      <alignment horizontal="left" shrinkToFit="1"/>
    </xf>
    <xf numFmtId="0" fontId="3" fillId="0" borderId="6" xfId="0" applyFont="1" applyBorder="1" applyAlignment="1">
      <alignment horizontal="left"/>
    </xf>
    <xf numFmtId="0" fontId="3" fillId="0" borderId="7" xfId="0" applyFont="1" applyBorder="1" applyAlignment="1">
      <alignment horizontal="left"/>
    </xf>
    <xf numFmtId="0" fontId="3" fillId="0" borderId="6"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7" xfId="0" applyFont="1" applyBorder="1" applyAlignment="1">
      <alignment horizontal="center" wrapText="1"/>
    </xf>
    <xf numFmtId="0" fontId="3" fillId="0" borderId="0" xfId="0" applyFont="1" applyAlignment="1">
      <alignment horizontal="center" wrapText="1"/>
    </xf>
    <xf numFmtId="0" fontId="3" fillId="0" borderId="16" xfId="0" applyFont="1" applyBorder="1" applyAlignment="1">
      <alignment horizontal="center"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cellStyle name="標準 2 2" xfId="46"/>
    <cellStyle name="標準 3" xfId="47"/>
    <cellStyle name="標準 3 2" xfId="48"/>
    <cellStyle name="標準 3 2 2" xfId="49"/>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85E1E953-2F24-E652-A4DF-37C201A5ABD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99403542-27DD-777F-69C0-C255C3171AF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72B48FA1-E835-8BE5-00DF-EB8724C92BE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261282AB-2117-A49B-4F24-0BDFA301527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1B70215E-07CC-990C-5334-CA6950ACF8AA}"/>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7412CCD4-F9C3-9C17-4F25-21F12D9461CB}"/>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FBA3F3C2-7623-5A4A-FE02-1687AA2A5FF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FA85A1BA-5E92-C64A-E48F-45E80292B57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18CA353B-6B55-068C-83F2-7BAC13B5650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6B665B4A-748C-8D33-0D77-D2C096213B7C}"/>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E898FA15-7EC1-58CB-886D-2A171E40688A}"/>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AFC75FC7-4469-AC4D-B186-53881CADD727}"/>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82F4132F-C3F9-0D08-8413-2ABD99EFB29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97967381-6623-D876-912B-8644F20B6E11}"/>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E68E2C1E-D329-17AA-5ADE-08E8D95663BE}"/>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09812BB6-A889-4EF9-155F-04294349A67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4703F440-C19B-079C-E944-EB1B281CD6D6}"/>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0DCBF673-6105-9CE6-CFE8-5DB0E37B85F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3CCF74FE-6999-4CAB-D500-4279187C4B7D}"/>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4E0031A3-B1FC-48F6-4BB2-D3E55A2264BC}"/>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89399100-D72C-12F5-34CF-DDFF1310326D}"/>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AB233CB9-D6CE-8FB0-22BD-453697FA39AF}"/>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A17A59F1-C007-F786-2DE7-ECEA3F5BE16C}"/>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31B5DB1E-6BB9-D27B-959E-0406AB85DBF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E5F6FFED-897C-A248-9D19-CE4BF0D5F41B}"/>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15140880-AF07-D77B-978C-45918CCFFDC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27815AA9-BACB-857B-C5C1-CA3E5A6BAD00}"/>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2391D1C3-8B06-6079-5DB6-0A79E839FD8F}"/>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4793BAA-3A86-F06B-5B1A-0619546EE549}"/>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DB2550B0-0E05-EB1E-FF67-D9F4C099500A}"/>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543BF0ED-E198-1E22-34D9-61E1841A8369}"/>
            </a:ext>
          </a:extLst>
        </xdr:cNvPr>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F1E950FE-D3EC-BE60-939D-D554A965D0AE}"/>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0E08B2E-0088-97BD-E536-1079E4604798}"/>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EAB00ABC-8633-05BA-2CB2-5140F8B45DB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E231EF14-F8AE-FAB7-193E-258E01823862}"/>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BFAA2B4F-EFD5-CA0D-F8A9-448046460265}"/>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7FF2BA77-5FF5-6C73-470E-6B5E7B16F796}"/>
            </a:ext>
          </a:extLst>
        </xdr:cNvPr>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FB33F422-BD25-3D01-5474-7DBC854BFADF}"/>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023" name="Rectangle 39">
          <a:extLst>
            <a:ext uri="{FF2B5EF4-FFF2-40B4-BE49-F238E27FC236}">
              <a16:creationId xmlns:a16="http://schemas.microsoft.com/office/drawing/2014/main" id="{CE443AFE-E3D4-1D90-CE33-69333CBFE53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557C956D-E4CA-5BCD-50E9-890653E35600}"/>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B6ED851-62D0-B12E-D559-2B3CC268A90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0CE5BD8-AC18-D7F7-DEB6-03904F06F75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599CEBBD-3692-6F80-91CA-E50E60B23B4E}"/>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1798B15A-CD11-D674-F569-38729EF091C2}"/>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69EE47D4-1C7E-FEC8-C6B4-347E27544E56}"/>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FFE48CD7-ABA0-0C33-1438-2C905365EFB7}"/>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11F92BDE-B21C-61A1-2A73-8F227410C571}"/>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FDF71631-FB74-AC01-82E2-88768383C90F}"/>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4B9BD94E-D966-0E42-4127-1D22EA493EFE}"/>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5345BA98-9FCB-06F1-69D8-C11B9C3D1C57}"/>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6EDDB6AE-6D76-98E6-2F15-C96CAC2B84D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89413BB0-AAE3-47AE-CD2A-F991851D33B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F153C4B7-823A-0E3C-ED6C-543349C7BEA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10FE420C-660A-0E6F-7EED-73EC7D5BFB8A}"/>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F2F33F71-6C47-92B1-AB9C-AF289CFC61A8}"/>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577159E3-C667-3F46-D422-9BEB457621F2}"/>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62D5BA17-59FD-284A-1FF4-9D2721413F9A}"/>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DF198A06-29A8-3B4C-0FE7-CCAEDA649A5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6AF0B743-8E73-A42D-B6DF-E7513DAA934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EA6B28B3-0971-1F47-FF01-8964D20A756E}"/>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AF7E6EF8-A562-26ED-F36E-8EE610D3BCF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943F7D74-C02B-269F-2E15-DF20D127DD4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B9BCAE09-5B1A-ADBD-2A8D-555078CB04F8}"/>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322ACD22-3E52-087C-EC65-DA125D78EB2B}"/>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4532642E-E111-E7B6-9DAB-BD15BCFD88B7}"/>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018B2D4B-EA54-F517-D0F6-1F189C3A878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1822A92E-BED7-B62C-6A32-237D8E93A252}"/>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053D3F9A-FCA4-2074-6049-83553116D9D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32E8B9E1-4ED4-BD25-2600-9AC6454D3B14}"/>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4B27E149-8581-6AD1-8BC2-73E947485BCB}"/>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E6E9AF39-6E35-C4D9-D312-BA6AE3A319C8}"/>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ECC9A481-AFA6-839D-915C-9D286DCAA2CA}"/>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94373A88-ACE1-9C37-6240-0F2EC72FF4B4}"/>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CB524220-AB12-5C2D-4E12-98C4FE128D17}"/>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A1AF4CFE-16A0-0445-FF94-BB5E35A13DF1}"/>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4D396C5F-FE9F-8CAF-5734-5AB8440012B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8B1EDE31-7FBD-6C0A-586C-12001784ECC6}"/>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A772CD22-8E88-43EC-6C93-7875DE534620}"/>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7BD2489C-4715-9521-2B46-A4284DEC25E2}"/>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87E4FF5-158F-37C6-656F-01B8CDDB2EBD}"/>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395971DE-C75D-D5E9-936B-10E689B5BBF2}"/>
            </a:ext>
          </a:extLst>
        </xdr:cNvPr>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C5E90CC4-FDC7-025B-54EA-F012D27FACC0}"/>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E1A0F8D8-C534-8A30-6E83-25CF67C5066B}"/>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C9FA25F1-F781-8D06-9A36-A899396BE018}"/>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7345AA73-C736-E517-AE11-3FFAB13A916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45AA349A-E62D-61E8-B409-012AA39D2FDE}"/>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D051890D-38C8-107A-3416-0AB732689D80}"/>
            </a:ext>
          </a:extLst>
        </xdr:cNvPr>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C78831BC-780F-2FA5-BB60-BCDBBF48FA8E}"/>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073" name="Rectangle 39">
          <a:extLst>
            <a:ext uri="{FF2B5EF4-FFF2-40B4-BE49-F238E27FC236}">
              <a16:creationId xmlns:a16="http://schemas.microsoft.com/office/drawing/2014/main" id="{B5143416-738C-1221-D114-B4BD0E0F1B6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ACF755AB-8430-1E51-5279-56F533EEA1A7}"/>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EB2D51A2-F3B5-FD16-4E74-C4E066F3916F}"/>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B572A867-3C8D-5180-4F31-5036E1ACFB2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9E178FE3-773B-1420-42B8-45DA23836D48}"/>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672B38B8-4CBD-1990-11AE-B452347E9190}"/>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1800443-8AFB-4795-AA51-0F84FB5EEC19}"/>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0732346B-A7E5-B3EE-4525-4B32442E83A9}"/>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EDC4DA01-9030-34EA-80AA-D625E88F3C7E}"/>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0BDFB52F-A939-F7D1-483B-B404F59D6330}"/>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AFA8EA33-C6D1-9160-CA6F-261E5952CB4C}"/>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03E0368-2A15-E359-2A28-C50EA1870574}"/>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22146968-06C1-D41E-3AB2-5E01DA53B7A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40EF1432-84FE-0A8B-99D4-312F0AB9D3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4A2AE8E9-1A0F-C1E3-647A-0EF78D1C0E7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5DB8EFF1-CAA7-718E-3324-97DEF74AD02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655715BA-2D9C-004B-85E2-0062611AED23}"/>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238825B7-9FBA-9260-9C6A-275FB2C21AD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286160A0-66C5-54F9-77C9-D925B5D99711}"/>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591BFB03-B86D-DDE7-9BE9-7B2F217CAD1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6AE8207B-6D50-30D1-9278-E501EF5297B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7AD419B8-D887-4351-8553-E151669E57E2}"/>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FAAB3A9E-BC82-6263-40B5-20FC4CBD27B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3A594E88-94BD-192C-83E8-F86A630FC50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8FF0975B-A517-680C-ECA4-644223BB0140}"/>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28975C07-ECC5-2CEA-2424-4AE52DDA31C2}"/>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B826C4A1-011D-7CD9-95C7-86539FBC5244}"/>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86E0BBAD-2379-7E1F-1380-1A2C609E4C9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77B2A567-C472-6451-8D06-AE69CF8C4F1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D6B2EF56-3048-EDBA-1677-58F2423FC83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ED00C136-0842-9BA0-AB25-859EA0E0EF42}"/>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EF61F9CA-0D3C-A489-F56E-46B2D673118E}"/>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8894D3D3-A8AC-3A6B-85D2-0D5D66E89A95}"/>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6F338D0F-0B62-C17F-58E9-FBD1E25FD0F7}"/>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81AFDC78-4C61-7311-9439-6AFD1FA66D2E}"/>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A948390F-0570-C8A4-46F2-C8EC9CFBA6E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B540557E-41E8-9DBD-FE6D-BC66E62CC838}"/>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2CD8838F-85DB-02EB-7699-466956A27F1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724138C8-4126-0E3E-40E5-320290870925}"/>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86874A15-288D-2DB6-5169-A9388AFB7B61}"/>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E648C8E7-92AC-AA45-2B2D-49E60A553692}"/>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389BD4A9-C156-7E0D-0887-1CE8A223858B}"/>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678EA985-579B-5F6C-0AF3-A7EC0DB82B83}"/>
            </a:ext>
          </a:extLst>
        </xdr:cNvPr>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A8E609E5-911E-A08F-BB2F-5558A2BD61FC}"/>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B6152403-5286-E808-B582-A253C084A669}"/>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950FD6CE-D3BE-BF91-1302-F6D26DB54986}"/>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76A7F6C5-CEE8-02B3-A35F-D77EFDEB2BC5}"/>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E7DB0F46-BC4E-8A23-75F3-E7549C0C502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30F37DCA-569F-9C89-68BA-F36BA8AC237F}"/>
            </a:ext>
          </a:extLst>
        </xdr:cNvPr>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BA5E62CC-0AB4-4814-DA21-613E645BB567}"/>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123" name="Rectangle 39">
          <a:extLst>
            <a:ext uri="{FF2B5EF4-FFF2-40B4-BE49-F238E27FC236}">
              <a16:creationId xmlns:a16="http://schemas.microsoft.com/office/drawing/2014/main" id="{E9E6B87C-792A-293E-E82C-889CA2606FCE}"/>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26DDFCD7-A710-0A5F-D9BC-CB2938DFF0A3}"/>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9EEAC26A-5A6A-9BB6-1835-D089BB799572}"/>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991F9DC6-62C8-24ED-AE75-A68497E58EE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0914B755-A0AC-6C25-BAD7-C93BAAC78A54}"/>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BA2FB0C1-CE5D-6985-54BB-22D2117F0297}"/>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E128868-4FD6-A550-1E1B-35CF4FF9A642}"/>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52FC88B7-A4DE-1BA7-5E2D-30BDC4C1D3BF}"/>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28D0AA1A-E089-80EE-7972-42AF60CA9884}"/>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434D13A9-2689-5D63-1DB4-8DFECB275D28}"/>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DADCB4EA-2950-12AC-0712-298FEDE56F5D}"/>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7EB0D4FF-44CE-C4CE-FCA4-A43F9A4DFA69}"/>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31C55D11-4724-589D-880A-8D0CAF644DE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B02DE9EE-72FC-C602-E8CA-3A08A5394AB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32D0B8CD-0026-F2F3-4FC5-B85426AABBA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C0EB2CC0-9D07-8BF1-6663-89A89BF6A64C}"/>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58E13C9-7E97-9900-95D4-E99C72B16658}"/>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D2F0D710-CCD4-8831-7B8D-8D53CD3162E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7CB1379A-98E5-DF63-6E11-D03400A7F37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23720F2F-84F8-739D-23EE-A038C380908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1F7EFC3-8000-D3E3-C8B5-AC28DAB2D2E8}"/>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24D61D42-9E77-2C8C-76B0-0D4F7BCB95E1}"/>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2517F174-9E0E-A148-1622-BB77B367D0E0}"/>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2F429518-023A-1ACB-743B-C862E57C823E}"/>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339953E7-E086-0D80-B566-DDE088F6EA7F}"/>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58F9143D-777E-CFCA-D87C-E2178D0AA2B7}"/>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D786E73E-7543-876D-B0E8-9C43243140CE}"/>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6C962710-AF27-3DC6-D8D0-4F3F916A6C5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A6DECE30-5121-A049-AE9B-D7490C448B6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71CE557E-6574-57E2-3AAE-8EBACE0ADB81}"/>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3E4BB8AF-D4FD-0849-776C-8AE40A4420D1}"/>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8AA2771-55BC-723F-8947-041913C543EF}"/>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2D61011F-FAAA-E95A-6932-2DB48E3D867B}"/>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AC615697-AA16-F1FD-0847-B9E52F29191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37BB82BC-033C-956F-AEA3-91F58E2E7B87}"/>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7A86C46B-D712-A96D-5301-F1E9C76D0175}"/>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BAD355A7-30FA-9977-BA6A-66416798DD9B}"/>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88F74073-40D9-4ECC-65AD-C5553992496D}"/>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85432E9F-8B8B-5FC1-2368-22712162F9CB}"/>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83E8790D-4444-6296-D80F-8F7FF7FE9350}"/>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7F9B898B-13E8-40FC-AD28-A036C5F9BA40}"/>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A15A7F77-BB6B-C6F4-6AEC-6D45CDE8B99C}"/>
            </a:ext>
          </a:extLst>
        </xdr:cNvPr>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8CB58EE9-E1F2-CABC-DB81-4B6469239F50}"/>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A1B93031-D11E-BB57-9659-993B475AE986}"/>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F3E1DA35-BDF4-2F91-28EF-3657614B3AE2}"/>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DD331D0A-F51D-1CF6-57D2-A8DDC60A6CA3}"/>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682529CB-CBE0-9ED8-AAC9-5467B5534F2E}"/>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76DBB837-3B44-7BD8-D0D1-94F935662E1B}"/>
            </a:ext>
          </a:extLst>
        </xdr:cNvPr>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12536CEE-3A9B-73B1-CADB-4B2F655FA584}"/>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172" name="Rectangle 39">
          <a:extLst>
            <a:ext uri="{FF2B5EF4-FFF2-40B4-BE49-F238E27FC236}">
              <a16:creationId xmlns:a16="http://schemas.microsoft.com/office/drawing/2014/main" id="{73F8BAD0-E033-180E-0E99-708DB1B5A15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DE272ACE-4ECC-76E2-C9FB-DB51348BA182}"/>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3F0EE459-6B46-576A-33D4-D031F4E5EEB8}"/>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126D7093-7861-6B20-393F-E2904E13460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FAD9B2A5-651B-4864-4524-BA0162B0C6D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640D3286-5416-C392-09D6-8C8E48D537D4}"/>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2916BE96-0952-CFF4-DB2F-929B3A966B3C}"/>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200193D7-EAF8-EEB9-5C21-9A0033B546AF}"/>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AD0B334D-2284-6384-2009-1921A3A38DB2}"/>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EDFBAB95-B39B-A1F6-7690-8022F2646102}"/>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C5CBA003-EB33-45FE-0F08-69F969859B14}"/>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4D6F8DD1-F117-C03E-761A-3161BAFEEA14}"/>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6A0D8A60-AE1D-8286-5E42-3CAEB51DBB03}"/>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5D116DA8-3956-C71F-233C-4C1007867F7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500FCA60-5960-898A-24E6-E536AEAAE5A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DFC035FE-61C5-1504-C752-D038BCB0DAF7}"/>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A2640A55-A00B-0731-55AF-CF468B39D176}"/>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DBE37757-702A-33BC-F57C-6FC5F7460857}"/>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3D7131DB-0035-EC58-5D7C-552A83FB11FF}"/>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AA1766A1-C469-5891-2516-31FC137F3420}"/>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F931A9D4-641C-09D3-7F5D-29FD7C1021A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C751F17D-824F-6AE5-B7E2-A95FC2051568}"/>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86245E8E-FCCF-3BA0-162A-E8B9C87B74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4116E198-6D6A-FD86-1541-37289B90958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BBDD8B7F-80B7-D0FC-8CCE-DD2BAC24E2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AFD5D052-3DFB-8239-A26C-843F4024A72D}"/>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0AB33B7A-A7D3-172D-14F3-5912BDDC5A4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9F72204B-EB63-F09F-4A01-31E188FC53C6}"/>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809A5151-EB8C-8B30-4174-AD412DFC911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91558203-2B76-AEC2-BE4F-D169CDD56DBB}"/>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83119B1E-8A86-827B-2DEB-774608B786C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B14E6A34-3A45-4F51-30F8-4AE692AD4D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A846618B-7B4C-2CC6-5595-58F85286997D}"/>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F99414C9-F94E-8F07-E514-4004ECBCA6AC}"/>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2C3DDDC0-5E80-756B-3EAF-EC2DE7703A25}"/>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0F009278-B12A-54ED-DF5F-B2451DC276B4}"/>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724480F6-5056-C5B1-D1F5-4E11E37F462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CE6DF2C7-80DF-1D74-2F12-532CA0AF117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4E348C5D-77C9-3479-AFA6-1F862D6E828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B5CEDFE6-6D19-C8CB-B0C8-D797184B875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0B1C5CBE-B50D-11C8-8B71-D7ECC165847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1F49165D-FD1F-6DA8-924B-5508D52A2EB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62959E21-98BC-70CC-57AA-B62E52AF98DC}"/>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6932D6F8-9322-53C1-9A5F-AAF179FCA9AB}"/>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5E514CAD-D497-97D7-1020-9998307AF695}"/>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92DAF75D-E8C3-BF64-089F-E9DD57D26F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CF7DF9A9-787F-9F3A-9CA3-E6621977D55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D4A65B4A-D7DE-2F08-C5D7-9D743BD3BD7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F334B921-97A6-3C76-7BCD-D7B815678C28}"/>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EB24D3F5-4E46-FCF7-738D-8761C932FA67}"/>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449107B8-8208-81C7-99D5-1D1FA68AD1B7}"/>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1" name="Text Box 53">
          <a:extLst>
            <a:ext uri="{FF2B5EF4-FFF2-40B4-BE49-F238E27FC236}">
              <a16:creationId xmlns:a16="http://schemas.microsoft.com/office/drawing/2014/main" id="{EE15116E-079B-7292-394D-36E12413C2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2" name="Text Box 54">
          <a:extLst>
            <a:ext uri="{FF2B5EF4-FFF2-40B4-BE49-F238E27FC236}">
              <a16:creationId xmlns:a16="http://schemas.microsoft.com/office/drawing/2014/main" id="{60885690-25AE-8D03-4FB1-4D2B7BCA368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3" name="Text Box 55">
          <a:extLst>
            <a:ext uri="{FF2B5EF4-FFF2-40B4-BE49-F238E27FC236}">
              <a16:creationId xmlns:a16="http://schemas.microsoft.com/office/drawing/2014/main" id="{3B7B56DE-5FC8-5179-D2F2-BF69083798D3}"/>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44" name="Text Box 56">
          <a:extLst>
            <a:ext uri="{FF2B5EF4-FFF2-40B4-BE49-F238E27FC236}">
              <a16:creationId xmlns:a16="http://schemas.microsoft.com/office/drawing/2014/main" id="{E2683CBE-100B-8872-3349-6A7FF5ABB22D}"/>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45" name="Text Box 57">
          <a:extLst>
            <a:ext uri="{FF2B5EF4-FFF2-40B4-BE49-F238E27FC236}">
              <a16:creationId xmlns:a16="http://schemas.microsoft.com/office/drawing/2014/main" id="{E7750659-4CDF-8AF5-29D7-9B14D783A9D5}"/>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46" name="Text Box 58">
          <a:extLst>
            <a:ext uri="{FF2B5EF4-FFF2-40B4-BE49-F238E27FC236}">
              <a16:creationId xmlns:a16="http://schemas.microsoft.com/office/drawing/2014/main" id="{79A76A20-0854-852B-80C6-2B86F19E071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7" name="Text Box 59">
          <a:extLst>
            <a:ext uri="{FF2B5EF4-FFF2-40B4-BE49-F238E27FC236}">
              <a16:creationId xmlns:a16="http://schemas.microsoft.com/office/drawing/2014/main" id="{C57E7B90-4F2B-A0A6-386E-5FEAE2324B23}"/>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8" name="Text Box 60">
          <a:extLst>
            <a:ext uri="{FF2B5EF4-FFF2-40B4-BE49-F238E27FC236}">
              <a16:creationId xmlns:a16="http://schemas.microsoft.com/office/drawing/2014/main" id="{3D0AD556-69FA-0644-9880-AE8664ED6CA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9" name="Text Box 61">
          <a:extLst>
            <a:ext uri="{FF2B5EF4-FFF2-40B4-BE49-F238E27FC236}">
              <a16:creationId xmlns:a16="http://schemas.microsoft.com/office/drawing/2014/main" id="{0C09D549-7C5A-0843-B5EB-1D0E3FFAC25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50" name="Text Box 62">
          <a:extLst>
            <a:ext uri="{FF2B5EF4-FFF2-40B4-BE49-F238E27FC236}">
              <a16:creationId xmlns:a16="http://schemas.microsoft.com/office/drawing/2014/main" id="{A45A811F-65E6-A547-E469-E7903ADE0E1A}"/>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90482" name="Rectangle 63">
          <a:extLst>
            <a:ext uri="{FF2B5EF4-FFF2-40B4-BE49-F238E27FC236}">
              <a16:creationId xmlns:a16="http://schemas.microsoft.com/office/drawing/2014/main" id="{116DDFBA-8A93-D6A5-F315-AA5B628D603D}"/>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19147425-FBBD-5C69-D2FB-B83376FC807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708D775D-70B8-D9F1-E5E1-1F6FD47DB4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5CE68518-9C02-A28C-9265-788AF167289B}"/>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B7936818-B03B-7D1E-39DC-055A95378CE1}"/>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AD09734-6269-B1C7-A029-A4B8A86869A3}"/>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488BE169-5AE8-252C-1996-973B9115BD2B}"/>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A532160A-D4A6-58BB-9230-AF5597B02A1F}"/>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AD9339A2-7E10-4E58-D298-326F4C9715BB}"/>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173B5389-119C-F3BA-EEB6-A69FDAC369D0}"/>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3F4A3778-3EDF-A19B-CC71-96B31D757ED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F739198A-DC64-07A7-3465-C44E7E96DB8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7F6EC194-132D-DF56-147D-2F288FCEF98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14F38021-E1C0-041F-2BD7-C7BDAA045EE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247FB501-F590-4A49-FC94-6A1FACAD424C}"/>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951317C1-E1E0-9A54-40EB-B321E7B647A6}"/>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A23975E7-B243-B533-46B7-DFC76D83C22A}"/>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BCC0F4AB-81F5-9F56-E743-F448A9EAAB6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426A439-A61C-61D5-7CC0-529C2D6D9EED}"/>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35042433-1F1D-5836-6D7F-0203338E6D7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A15422DC-3197-0BA3-446C-C55713102BA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0D575E5E-18B1-ED5B-F0D0-BB638ADEFA92}"/>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5F7D5009-14E3-6B98-3226-A7B1CF7F64F9}"/>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6AF20875-0A2F-259F-455B-0AE326B4A6A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C4E27B32-9C92-9B2B-17A6-BA1CFE14EBD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8B452768-A952-10BB-867C-7DE0004FB44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B4B927BD-8571-2F77-D29A-F1FA212346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BF7F99C7-E86D-F95F-7F0D-478FCFA710D3}"/>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D7EC07C8-67AF-0432-63DD-EA94CF5A9C91}"/>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8A3CE022-D894-37C1-F9E5-A1B6B8B9C84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11DBCD9C-0761-EAAB-CF1D-8E75EA62531E}"/>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E543A50E-3BD2-001C-AAC6-4773D048E483}"/>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75670524-DF69-19F4-A477-8652DCFA314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81D170E1-9344-BAEC-E5C9-5DCC7AF4C2A0}"/>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00AE41BD-08D8-06EE-A8C7-41E2076074A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5387CCB8-6FB6-ACBD-D46D-209B5EBFCBA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998A9146-6496-C7C8-C7B5-344D5D97B7D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7752819F-4339-679B-667C-3F57984FEC18}"/>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24C18C4D-FAAD-6493-F966-625F80343815}"/>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1C070BE4-0F87-F1BE-C70B-1A115525D1EC}"/>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1" name="Text Box 53">
          <a:extLst>
            <a:ext uri="{FF2B5EF4-FFF2-40B4-BE49-F238E27FC236}">
              <a16:creationId xmlns:a16="http://schemas.microsoft.com/office/drawing/2014/main" id="{9661543E-AA1D-71BC-4513-DD35DBFF4806}"/>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2" name="Text Box 54">
          <a:extLst>
            <a:ext uri="{FF2B5EF4-FFF2-40B4-BE49-F238E27FC236}">
              <a16:creationId xmlns:a16="http://schemas.microsoft.com/office/drawing/2014/main" id="{5049410E-000F-21C4-6EE3-3C1B688AB2D3}"/>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3" name="Text Box 55">
          <a:extLst>
            <a:ext uri="{FF2B5EF4-FFF2-40B4-BE49-F238E27FC236}">
              <a16:creationId xmlns:a16="http://schemas.microsoft.com/office/drawing/2014/main" id="{82C8F868-5B66-3C97-B1EA-65137CC23EAB}"/>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94" name="Text Box 56">
          <a:extLst>
            <a:ext uri="{FF2B5EF4-FFF2-40B4-BE49-F238E27FC236}">
              <a16:creationId xmlns:a16="http://schemas.microsoft.com/office/drawing/2014/main" id="{1AEA4990-2AE0-A90C-0CC7-DD1B0DF7C9F9}"/>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95" name="Text Box 57">
          <a:extLst>
            <a:ext uri="{FF2B5EF4-FFF2-40B4-BE49-F238E27FC236}">
              <a16:creationId xmlns:a16="http://schemas.microsoft.com/office/drawing/2014/main" id="{32CEFD0A-ABFA-1018-9EDF-5396FD842D32}"/>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96" name="Text Box 58">
          <a:extLst>
            <a:ext uri="{FF2B5EF4-FFF2-40B4-BE49-F238E27FC236}">
              <a16:creationId xmlns:a16="http://schemas.microsoft.com/office/drawing/2014/main" id="{819364B0-A64A-2AC8-7A7E-B7019331FDC6}"/>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7" name="Text Box 59">
          <a:extLst>
            <a:ext uri="{FF2B5EF4-FFF2-40B4-BE49-F238E27FC236}">
              <a16:creationId xmlns:a16="http://schemas.microsoft.com/office/drawing/2014/main" id="{053556EC-C3D8-9BE8-D378-A0D9AC1C85A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8" name="Text Box 60">
          <a:extLst>
            <a:ext uri="{FF2B5EF4-FFF2-40B4-BE49-F238E27FC236}">
              <a16:creationId xmlns:a16="http://schemas.microsoft.com/office/drawing/2014/main" id="{DA54F529-A911-2DE4-AD13-3B778CC42543}"/>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9" name="Text Box 61">
          <a:extLst>
            <a:ext uri="{FF2B5EF4-FFF2-40B4-BE49-F238E27FC236}">
              <a16:creationId xmlns:a16="http://schemas.microsoft.com/office/drawing/2014/main" id="{73530AF5-8A7C-1B5A-C252-9A0F11D092E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100" name="Text Box 62">
          <a:extLst>
            <a:ext uri="{FF2B5EF4-FFF2-40B4-BE49-F238E27FC236}">
              <a16:creationId xmlns:a16="http://schemas.microsoft.com/office/drawing/2014/main" id="{A55B9E5B-DE9E-CAF1-3689-45125C7B2BE3}"/>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90532" name="Rectangle 63">
          <a:extLst>
            <a:ext uri="{FF2B5EF4-FFF2-40B4-BE49-F238E27FC236}">
              <a16:creationId xmlns:a16="http://schemas.microsoft.com/office/drawing/2014/main" id="{836D9D43-AFCE-BB16-BD3F-74FC097977AB}"/>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a:extLst>
            <a:ext uri="{FF2B5EF4-FFF2-40B4-BE49-F238E27FC236}">
              <a16:creationId xmlns:a16="http://schemas.microsoft.com/office/drawing/2014/main" id="{2BEB09AF-D157-7992-7CB6-BF7A17FBE8D3}"/>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a:extLst>
            <a:ext uri="{FF2B5EF4-FFF2-40B4-BE49-F238E27FC236}">
              <a16:creationId xmlns:a16="http://schemas.microsoft.com/office/drawing/2014/main" id="{36FD84A8-CA01-9DA5-B89B-A1156C95779A}"/>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a:extLst>
            <a:ext uri="{FF2B5EF4-FFF2-40B4-BE49-F238E27FC236}">
              <a16:creationId xmlns:a16="http://schemas.microsoft.com/office/drawing/2014/main" id="{5DE32CE4-1C75-6402-EBC9-8ADC0717EB0E}"/>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a:extLst>
            <a:ext uri="{FF2B5EF4-FFF2-40B4-BE49-F238E27FC236}">
              <a16:creationId xmlns:a16="http://schemas.microsoft.com/office/drawing/2014/main" id="{A88C374D-5635-AFC9-FF02-256624D10AD2}"/>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a:extLst>
            <a:ext uri="{FF2B5EF4-FFF2-40B4-BE49-F238E27FC236}">
              <a16:creationId xmlns:a16="http://schemas.microsoft.com/office/drawing/2014/main" id="{EE73308F-21C1-0B58-BAF0-0A4D971D14F6}"/>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a:extLst>
            <a:ext uri="{FF2B5EF4-FFF2-40B4-BE49-F238E27FC236}">
              <a16:creationId xmlns:a16="http://schemas.microsoft.com/office/drawing/2014/main" id="{10FDED81-E9D8-DEE7-9F45-58C1507DFFFB}"/>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a:extLst>
            <a:ext uri="{FF2B5EF4-FFF2-40B4-BE49-F238E27FC236}">
              <a16:creationId xmlns:a16="http://schemas.microsoft.com/office/drawing/2014/main" id="{5EFC12D2-B897-DED9-34F1-55906ED07477}"/>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a:extLst>
            <a:ext uri="{FF2B5EF4-FFF2-40B4-BE49-F238E27FC236}">
              <a16:creationId xmlns:a16="http://schemas.microsoft.com/office/drawing/2014/main" id="{DBC8131A-56FB-C471-8B8B-84A4D4790335}"/>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a:extLst>
            <a:ext uri="{FF2B5EF4-FFF2-40B4-BE49-F238E27FC236}">
              <a16:creationId xmlns:a16="http://schemas.microsoft.com/office/drawing/2014/main" id="{210193D3-A489-42D9-4BA9-B469A77D2185}"/>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3E543F78-70A6-03E6-9966-CA8DAF1E25BE}"/>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a:extLst>
            <a:ext uri="{FF2B5EF4-FFF2-40B4-BE49-F238E27FC236}">
              <a16:creationId xmlns:a16="http://schemas.microsoft.com/office/drawing/2014/main" id="{E70E1AD4-28EF-8A35-C5CF-88DA30BC9699}"/>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a:extLst>
            <a:ext uri="{FF2B5EF4-FFF2-40B4-BE49-F238E27FC236}">
              <a16:creationId xmlns:a16="http://schemas.microsoft.com/office/drawing/2014/main" id="{0FAF45C1-7C54-A31B-9F2C-0C9B98C76F66}"/>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a:extLst>
            <a:ext uri="{FF2B5EF4-FFF2-40B4-BE49-F238E27FC236}">
              <a16:creationId xmlns:a16="http://schemas.microsoft.com/office/drawing/2014/main" id="{01A61D79-BED0-6842-355C-10F30C642D76}"/>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a:extLst>
            <a:ext uri="{FF2B5EF4-FFF2-40B4-BE49-F238E27FC236}">
              <a16:creationId xmlns:a16="http://schemas.microsoft.com/office/drawing/2014/main" id="{73A9BE5A-5DD0-EF70-C72C-63C1D91373A2}"/>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a:extLst>
            <a:ext uri="{FF2B5EF4-FFF2-40B4-BE49-F238E27FC236}">
              <a16:creationId xmlns:a16="http://schemas.microsoft.com/office/drawing/2014/main" id="{D0ED767E-999E-FF56-6301-5CC1ED454D3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a:extLst>
            <a:ext uri="{FF2B5EF4-FFF2-40B4-BE49-F238E27FC236}">
              <a16:creationId xmlns:a16="http://schemas.microsoft.com/office/drawing/2014/main" id="{C8BC44F2-60E3-D7C7-F0C0-C5FFE2071BF8}"/>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a:extLst>
            <a:ext uri="{FF2B5EF4-FFF2-40B4-BE49-F238E27FC236}">
              <a16:creationId xmlns:a16="http://schemas.microsoft.com/office/drawing/2014/main" id="{41F75211-49D5-E7C5-4861-313A6F0CD0FC}"/>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a:extLst>
            <a:ext uri="{FF2B5EF4-FFF2-40B4-BE49-F238E27FC236}">
              <a16:creationId xmlns:a16="http://schemas.microsoft.com/office/drawing/2014/main" id="{7AFD758D-0A6E-9076-A811-01B87C76D84A}"/>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a:extLst>
            <a:ext uri="{FF2B5EF4-FFF2-40B4-BE49-F238E27FC236}">
              <a16:creationId xmlns:a16="http://schemas.microsoft.com/office/drawing/2014/main" id="{0C86A5CB-5296-80AE-B3A4-6A672335ED2A}"/>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5F57B02B-4B22-E509-84D5-390712B9088A}"/>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a:extLst>
            <a:ext uri="{FF2B5EF4-FFF2-40B4-BE49-F238E27FC236}">
              <a16:creationId xmlns:a16="http://schemas.microsoft.com/office/drawing/2014/main" id="{4881D39A-40F3-3A3B-025D-19CA0C8604F0}"/>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a:extLst>
            <a:ext uri="{FF2B5EF4-FFF2-40B4-BE49-F238E27FC236}">
              <a16:creationId xmlns:a16="http://schemas.microsoft.com/office/drawing/2014/main" id="{53C13FB8-C07A-8294-5BF2-84A952B7F872}"/>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a:extLst>
            <a:ext uri="{FF2B5EF4-FFF2-40B4-BE49-F238E27FC236}">
              <a16:creationId xmlns:a16="http://schemas.microsoft.com/office/drawing/2014/main" id="{85E2F29A-EB84-FCFA-5DC9-BFBE62702D6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a:extLst>
            <a:ext uri="{FF2B5EF4-FFF2-40B4-BE49-F238E27FC236}">
              <a16:creationId xmlns:a16="http://schemas.microsoft.com/office/drawing/2014/main" id="{93082B5B-2234-AA13-1862-A7ACD9482DA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a:extLst>
            <a:ext uri="{FF2B5EF4-FFF2-40B4-BE49-F238E27FC236}">
              <a16:creationId xmlns:a16="http://schemas.microsoft.com/office/drawing/2014/main" id="{A94A3F5B-BAB3-0A1F-4026-E6FA5901F50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a:extLst>
            <a:ext uri="{FF2B5EF4-FFF2-40B4-BE49-F238E27FC236}">
              <a16:creationId xmlns:a16="http://schemas.microsoft.com/office/drawing/2014/main" id="{7AAA3254-5E24-CF94-871C-A66F374FDF1E}"/>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4AA7F5DE-A12D-17C3-D435-A4BE71778A52}"/>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a:extLst>
            <a:ext uri="{FF2B5EF4-FFF2-40B4-BE49-F238E27FC236}">
              <a16:creationId xmlns:a16="http://schemas.microsoft.com/office/drawing/2014/main" id="{AB4C2BA7-8F1D-588B-EE50-F89764E03EF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a:extLst>
            <a:ext uri="{FF2B5EF4-FFF2-40B4-BE49-F238E27FC236}">
              <a16:creationId xmlns:a16="http://schemas.microsoft.com/office/drawing/2014/main" id="{57238266-9839-4F09-2ED8-CDF45FE0B8C5}"/>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a:extLst>
            <a:ext uri="{FF2B5EF4-FFF2-40B4-BE49-F238E27FC236}">
              <a16:creationId xmlns:a16="http://schemas.microsoft.com/office/drawing/2014/main" id="{E9A3C7C5-5E84-D82A-7607-6DB6912D5AD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a:extLst>
            <a:ext uri="{FF2B5EF4-FFF2-40B4-BE49-F238E27FC236}">
              <a16:creationId xmlns:a16="http://schemas.microsoft.com/office/drawing/2014/main" id="{7CECB0B2-4E26-FEC8-95A0-FF356DF468DE}"/>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a:extLst>
            <a:ext uri="{FF2B5EF4-FFF2-40B4-BE49-F238E27FC236}">
              <a16:creationId xmlns:a16="http://schemas.microsoft.com/office/drawing/2014/main" id="{1359580F-B6DB-E006-1AE8-291AD058E864}"/>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a:extLst>
            <a:ext uri="{FF2B5EF4-FFF2-40B4-BE49-F238E27FC236}">
              <a16:creationId xmlns:a16="http://schemas.microsoft.com/office/drawing/2014/main" id="{4B455608-FE77-887F-7AAB-D15CD3FE1B4B}"/>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a:extLst>
            <a:ext uri="{FF2B5EF4-FFF2-40B4-BE49-F238E27FC236}">
              <a16:creationId xmlns:a16="http://schemas.microsoft.com/office/drawing/2014/main" id="{990DE5C4-147D-52FD-65A6-62BEE02F3A59}"/>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a:extLst>
            <a:ext uri="{FF2B5EF4-FFF2-40B4-BE49-F238E27FC236}">
              <a16:creationId xmlns:a16="http://schemas.microsoft.com/office/drawing/2014/main" id="{463B6713-5071-ABF8-870F-B30EC73005FA}"/>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a:extLst>
            <a:ext uri="{FF2B5EF4-FFF2-40B4-BE49-F238E27FC236}">
              <a16:creationId xmlns:a16="http://schemas.microsoft.com/office/drawing/2014/main" id="{2706B89E-61E2-74E2-54EC-303D5ECA9C52}"/>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131C3FB7-CE9F-E9A5-54E0-498D8E3EDB85}"/>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C0758280-ED3C-DC39-8B85-311A6F0E27AC}"/>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B7E7C7DF-3F41-EE92-A740-E1584D110371}"/>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a:extLst>
            <a:ext uri="{FF2B5EF4-FFF2-40B4-BE49-F238E27FC236}">
              <a16:creationId xmlns:a16="http://schemas.microsoft.com/office/drawing/2014/main" id="{9D0D2AC5-E678-D208-04DF-577C928AADAF}"/>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a:extLst>
            <a:ext uri="{FF2B5EF4-FFF2-40B4-BE49-F238E27FC236}">
              <a16:creationId xmlns:a16="http://schemas.microsoft.com/office/drawing/2014/main" id="{209C49BB-BB9B-47F4-9671-C7D087F8DFD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a:extLst>
            <a:ext uri="{FF2B5EF4-FFF2-40B4-BE49-F238E27FC236}">
              <a16:creationId xmlns:a16="http://schemas.microsoft.com/office/drawing/2014/main" id="{0563B17E-EE76-3630-B005-554C8E4CE98C}"/>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a:extLst>
            <a:ext uri="{FF2B5EF4-FFF2-40B4-BE49-F238E27FC236}">
              <a16:creationId xmlns:a16="http://schemas.microsoft.com/office/drawing/2014/main" id="{43907A20-31AD-7692-2755-8F172DB49E79}"/>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a:extLst>
            <a:ext uri="{FF2B5EF4-FFF2-40B4-BE49-F238E27FC236}">
              <a16:creationId xmlns:a16="http://schemas.microsoft.com/office/drawing/2014/main" id="{F5F9DA92-6035-EEB1-00F2-A963128D04C7}"/>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a:extLst>
            <a:ext uri="{FF2B5EF4-FFF2-40B4-BE49-F238E27FC236}">
              <a16:creationId xmlns:a16="http://schemas.microsoft.com/office/drawing/2014/main" id="{58A7DBB4-4339-A7E1-D433-18C221B5B6BE}"/>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a:extLst>
            <a:ext uri="{FF2B5EF4-FFF2-40B4-BE49-F238E27FC236}">
              <a16:creationId xmlns:a16="http://schemas.microsoft.com/office/drawing/2014/main" id="{A76C3486-38DF-AE47-AD22-800915E534D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a:extLst>
            <a:ext uri="{FF2B5EF4-FFF2-40B4-BE49-F238E27FC236}">
              <a16:creationId xmlns:a16="http://schemas.microsoft.com/office/drawing/2014/main" id="{74F1FC4D-29EA-8F0C-7343-5307F682CF7C}"/>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a:extLst>
            <a:ext uri="{FF2B5EF4-FFF2-40B4-BE49-F238E27FC236}">
              <a16:creationId xmlns:a16="http://schemas.microsoft.com/office/drawing/2014/main" id="{730DA8BD-65C5-0471-F328-ABC2681A5E93}"/>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a:extLst>
            <a:ext uri="{FF2B5EF4-FFF2-40B4-BE49-F238E27FC236}">
              <a16:creationId xmlns:a16="http://schemas.microsoft.com/office/drawing/2014/main" id="{969FED2F-F466-1F22-43C7-0D406A09561D}"/>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51" name="Text Box 51">
          <a:extLst>
            <a:ext uri="{FF2B5EF4-FFF2-40B4-BE49-F238E27FC236}">
              <a16:creationId xmlns:a16="http://schemas.microsoft.com/office/drawing/2014/main" id="{F2EF6713-A0B4-85E8-90FB-FE2E467F5DE7}"/>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2" name="Text Box 53">
          <a:extLst>
            <a:ext uri="{FF2B5EF4-FFF2-40B4-BE49-F238E27FC236}">
              <a16:creationId xmlns:a16="http://schemas.microsoft.com/office/drawing/2014/main" id="{24EFABDD-2418-B9CE-BBF0-73F5339075EC}"/>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3" name="Text Box 54">
          <a:extLst>
            <a:ext uri="{FF2B5EF4-FFF2-40B4-BE49-F238E27FC236}">
              <a16:creationId xmlns:a16="http://schemas.microsoft.com/office/drawing/2014/main" id="{73C9EDC4-0318-3361-CB20-CCB1EAC68308}"/>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54" name="Text Box 55">
          <a:extLst>
            <a:ext uri="{FF2B5EF4-FFF2-40B4-BE49-F238E27FC236}">
              <a16:creationId xmlns:a16="http://schemas.microsoft.com/office/drawing/2014/main" id="{CB4C195E-CFAE-E96A-A4C8-B5BCF41C56D2}"/>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55" name="Text Box 56">
          <a:extLst>
            <a:ext uri="{FF2B5EF4-FFF2-40B4-BE49-F238E27FC236}">
              <a16:creationId xmlns:a16="http://schemas.microsoft.com/office/drawing/2014/main" id="{D00341BC-7EE5-8AB9-E549-E35F81D9B756}"/>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56" name="Text Box 57">
          <a:extLst>
            <a:ext uri="{FF2B5EF4-FFF2-40B4-BE49-F238E27FC236}">
              <a16:creationId xmlns:a16="http://schemas.microsoft.com/office/drawing/2014/main" id="{AE6FF30F-2E09-D8FD-D8F9-C76167EC9466}"/>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57" name="Text Box 58">
          <a:extLst>
            <a:ext uri="{FF2B5EF4-FFF2-40B4-BE49-F238E27FC236}">
              <a16:creationId xmlns:a16="http://schemas.microsoft.com/office/drawing/2014/main" id="{A72F576C-579C-C7E5-A2CC-9AFCD7EE8C1C}"/>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58" name="Text Box 59">
          <a:extLst>
            <a:ext uri="{FF2B5EF4-FFF2-40B4-BE49-F238E27FC236}">
              <a16:creationId xmlns:a16="http://schemas.microsoft.com/office/drawing/2014/main" id="{524F38C4-7BE5-3D69-57FB-6FD6BD461E6D}"/>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59" name="Text Box 60">
          <a:extLst>
            <a:ext uri="{FF2B5EF4-FFF2-40B4-BE49-F238E27FC236}">
              <a16:creationId xmlns:a16="http://schemas.microsoft.com/office/drawing/2014/main" id="{8E7330D0-9922-6BF3-502F-3A9AECABE1C5}"/>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0" name="Text Box 61">
          <a:extLst>
            <a:ext uri="{FF2B5EF4-FFF2-40B4-BE49-F238E27FC236}">
              <a16:creationId xmlns:a16="http://schemas.microsoft.com/office/drawing/2014/main" id="{9B172A60-0A1F-E85A-82DB-2AD93842C64F}"/>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61" name="Text Box 62">
          <a:extLst>
            <a:ext uri="{FF2B5EF4-FFF2-40B4-BE49-F238E27FC236}">
              <a16:creationId xmlns:a16="http://schemas.microsoft.com/office/drawing/2014/main" id="{13D8B8B5-7985-AAD2-E323-C66E4955AE1E}"/>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62" name="Text Box 51">
          <a:extLst>
            <a:ext uri="{FF2B5EF4-FFF2-40B4-BE49-F238E27FC236}">
              <a16:creationId xmlns:a16="http://schemas.microsoft.com/office/drawing/2014/main" id="{32F3346F-5680-CCA4-0A1F-BEB80A3F1365}"/>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3" name="Text Box 53">
          <a:extLst>
            <a:ext uri="{FF2B5EF4-FFF2-40B4-BE49-F238E27FC236}">
              <a16:creationId xmlns:a16="http://schemas.microsoft.com/office/drawing/2014/main" id="{B50FDB8D-CD80-F336-26A8-063C4F62155C}"/>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4" name="Text Box 54">
          <a:extLst>
            <a:ext uri="{FF2B5EF4-FFF2-40B4-BE49-F238E27FC236}">
              <a16:creationId xmlns:a16="http://schemas.microsoft.com/office/drawing/2014/main" id="{42853D92-868F-1BEE-48D6-4B1C6D0ED04F}"/>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65" name="Text Box 55">
          <a:extLst>
            <a:ext uri="{FF2B5EF4-FFF2-40B4-BE49-F238E27FC236}">
              <a16:creationId xmlns:a16="http://schemas.microsoft.com/office/drawing/2014/main" id="{EE9B7032-D4BD-B0AA-3EA8-4AF0E93C747A}"/>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66" name="Text Box 56">
          <a:extLst>
            <a:ext uri="{FF2B5EF4-FFF2-40B4-BE49-F238E27FC236}">
              <a16:creationId xmlns:a16="http://schemas.microsoft.com/office/drawing/2014/main" id="{76C28FAA-4DF6-7965-6146-659198DF733D}"/>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67" name="Text Box 57">
          <a:extLst>
            <a:ext uri="{FF2B5EF4-FFF2-40B4-BE49-F238E27FC236}">
              <a16:creationId xmlns:a16="http://schemas.microsoft.com/office/drawing/2014/main" id="{19C63330-B82B-D411-4DE9-4C69D87336CD}"/>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68" name="Text Box 58">
          <a:extLst>
            <a:ext uri="{FF2B5EF4-FFF2-40B4-BE49-F238E27FC236}">
              <a16:creationId xmlns:a16="http://schemas.microsoft.com/office/drawing/2014/main" id="{C9D59FCD-4DC7-3ECF-D669-647A18B907D4}"/>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9" name="Text Box 59">
          <a:extLst>
            <a:ext uri="{FF2B5EF4-FFF2-40B4-BE49-F238E27FC236}">
              <a16:creationId xmlns:a16="http://schemas.microsoft.com/office/drawing/2014/main" id="{7AF5D7C7-D6CE-DCC1-E586-F844CEB7B003}"/>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70" name="Text Box 60">
          <a:extLst>
            <a:ext uri="{FF2B5EF4-FFF2-40B4-BE49-F238E27FC236}">
              <a16:creationId xmlns:a16="http://schemas.microsoft.com/office/drawing/2014/main" id="{DE102EB9-1287-7912-DB4A-8333C997B8C7}"/>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71" name="Text Box 61">
          <a:extLst>
            <a:ext uri="{FF2B5EF4-FFF2-40B4-BE49-F238E27FC236}">
              <a16:creationId xmlns:a16="http://schemas.microsoft.com/office/drawing/2014/main" id="{EC028A02-0CEC-0B9E-3BFC-D64B62F8677A}"/>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72" name="Text Box 62">
          <a:extLst>
            <a:ext uri="{FF2B5EF4-FFF2-40B4-BE49-F238E27FC236}">
              <a16:creationId xmlns:a16="http://schemas.microsoft.com/office/drawing/2014/main" id="{86496908-0EF6-265A-EBF0-784634A46997}"/>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73" name="Text Box 51">
          <a:extLst>
            <a:ext uri="{FF2B5EF4-FFF2-40B4-BE49-F238E27FC236}">
              <a16:creationId xmlns:a16="http://schemas.microsoft.com/office/drawing/2014/main" id="{2D7ABEFC-3A34-EE4D-BE0E-871F76C43129}"/>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4" name="Text Box 53">
          <a:extLst>
            <a:ext uri="{FF2B5EF4-FFF2-40B4-BE49-F238E27FC236}">
              <a16:creationId xmlns:a16="http://schemas.microsoft.com/office/drawing/2014/main" id="{E6CA6ED9-82D1-B870-F898-E0B65DCB0B5F}"/>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5" name="Text Box 54">
          <a:extLst>
            <a:ext uri="{FF2B5EF4-FFF2-40B4-BE49-F238E27FC236}">
              <a16:creationId xmlns:a16="http://schemas.microsoft.com/office/drawing/2014/main" id="{998B6328-6D4C-41DE-4CF7-35CCDE78321A}"/>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76" name="Text Box 55">
          <a:extLst>
            <a:ext uri="{FF2B5EF4-FFF2-40B4-BE49-F238E27FC236}">
              <a16:creationId xmlns:a16="http://schemas.microsoft.com/office/drawing/2014/main" id="{989864F8-61B1-B6FC-4444-8DC033D994A5}"/>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77" name="Text Box 56">
          <a:extLst>
            <a:ext uri="{FF2B5EF4-FFF2-40B4-BE49-F238E27FC236}">
              <a16:creationId xmlns:a16="http://schemas.microsoft.com/office/drawing/2014/main" id="{3194ABDF-D718-62FA-8D30-27B1D6900C99}"/>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78" name="Text Box 57">
          <a:extLst>
            <a:ext uri="{FF2B5EF4-FFF2-40B4-BE49-F238E27FC236}">
              <a16:creationId xmlns:a16="http://schemas.microsoft.com/office/drawing/2014/main" id="{50BDDE3A-97AE-1B31-1E17-B9C1689523A6}"/>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79" name="Text Box 58">
          <a:extLst>
            <a:ext uri="{FF2B5EF4-FFF2-40B4-BE49-F238E27FC236}">
              <a16:creationId xmlns:a16="http://schemas.microsoft.com/office/drawing/2014/main" id="{44ACB9B1-172B-187A-06C5-0D4D7C076F23}"/>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0" name="Text Box 59">
          <a:extLst>
            <a:ext uri="{FF2B5EF4-FFF2-40B4-BE49-F238E27FC236}">
              <a16:creationId xmlns:a16="http://schemas.microsoft.com/office/drawing/2014/main" id="{99260A2B-233A-9C65-A126-41E7C444B9BD}"/>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81" name="Text Box 60">
          <a:extLst>
            <a:ext uri="{FF2B5EF4-FFF2-40B4-BE49-F238E27FC236}">
              <a16:creationId xmlns:a16="http://schemas.microsoft.com/office/drawing/2014/main" id="{C6B7EBC1-5988-D350-66E9-B38990990A27}"/>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2" name="Text Box 61">
          <a:extLst>
            <a:ext uri="{FF2B5EF4-FFF2-40B4-BE49-F238E27FC236}">
              <a16:creationId xmlns:a16="http://schemas.microsoft.com/office/drawing/2014/main" id="{5F8AE11F-946A-4A84-7B92-205BCE04FB82}"/>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83" name="Text Box 62">
          <a:extLst>
            <a:ext uri="{FF2B5EF4-FFF2-40B4-BE49-F238E27FC236}">
              <a16:creationId xmlns:a16="http://schemas.microsoft.com/office/drawing/2014/main" id="{A33E76E2-57D9-2C51-B861-07613DD776DB}"/>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84" name="Text Box 51">
          <a:extLst>
            <a:ext uri="{FF2B5EF4-FFF2-40B4-BE49-F238E27FC236}">
              <a16:creationId xmlns:a16="http://schemas.microsoft.com/office/drawing/2014/main" id="{C629BD15-12B7-1B26-5982-9357FDE14875}"/>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5" name="Text Box 53">
          <a:extLst>
            <a:ext uri="{FF2B5EF4-FFF2-40B4-BE49-F238E27FC236}">
              <a16:creationId xmlns:a16="http://schemas.microsoft.com/office/drawing/2014/main" id="{5336623E-849A-EAF3-9455-EFDC1203641A}"/>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6" name="Text Box 54">
          <a:extLst>
            <a:ext uri="{FF2B5EF4-FFF2-40B4-BE49-F238E27FC236}">
              <a16:creationId xmlns:a16="http://schemas.microsoft.com/office/drawing/2014/main" id="{674C31AF-5107-EDB4-2A34-EAE8DEE12186}"/>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87" name="Text Box 55">
          <a:extLst>
            <a:ext uri="{FF2B5EF4-FFF2-40B4-BE49-F238E27FC236}">
              <a16:creationId xmlns:a16="http://schemas.microsoft.com/office/drawing/2014/main" id="{5A44A064-56FD-01E2-4DB5-4AEF2CA51C52}"/>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1</xdr:row>
      <xdr:rowOff>0</xdr:rowOff>
    </xdr:from>
    <xdr:to>
      <xdr:col>10</xdr:col>
      <xdr:colOff>314381</xdr:colOff>
      <xdr:row>31</xdr:row>
      <xdr:rowOff>0</xdr:rowOff>
    </xdr:to>
    <xdr:sp macro="" textlink="">
      <xdr:nvSpPr>
        <xdr:cNvPr id="88" name="Text Box 56">
          <a:extLst>
            <a:ext uri="{FF2B5EF4-FFF2-40B4-BE49-F238E27FC236}">
              <a16:creationId xmlns:a16="http://schemas.microsoft.com/office/drawing/2014/main" id="{ABE49A01-027F-40E8-0283-76F165FBE0C4}"/>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89" name="Text Box 57">
          <a:extLst>
            <a:ext uri="{FF2B5EF4-FFF2-40B4-BE49-F238E27FC236}">
              <a16:creationId xmlns:a16="http://schemas.microsoft.com/office/drawing/2014/main" id="{8715AD57-E3DC-870C-D590-BEC3B94054E8}"/>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90" name="Text Box 58">
          <a:extLst>
            <a:ext uri="{FF2B5EF4-FFF2-40B4-BE49-F238E27FC236}">
              <a16:creationId xmlns:a16="http://schemas.microsoft.com/office/drawing/2014/main" id="{74593B76-0117-9EC6-C1F0-52D181D69B64}"/>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1" name="Text Box 59">
          <a:extLst>
            <a:ext uri="{FF2B5EF4-FFF2-40B4-BE49-F238E27FC236}">
              <a16:creationId xmlns:a16="http://schemas.microsoft.com/office/drawing/2014/main" id="{437339F6-ACB0-EBE4-8500-18018F84231A}"/>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92" name="Text Box 60">
          <a:extLst>
            <a:ext uri="{FF2B5EF4-FFF2-40B4-BE49-F238E27FC236}">
              <a16:creationId xmlns:a16="http://schemas.microsoft.com/office/drawing/2014/main" id="{B80D8EB7-FEDF-0654-9545-ED9A9E71D346}"/>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3" name="Text Box 61">
          <a:extLst>
            <a:ext uri="{FF2B5EF4-FFF2-40B4-BE49-F238E27FC236}">
              <a16:creationId xmlns:a16="http://schemas.microsoft.com/office/drawing/2014/main" id="{7F70F067-8AE3-B0F7-C2D5-990B5A3FFDE7}"/>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94" name="Text Box 62">
          <a:extLst>
            <a:ext uri="{FF2B5EF4-FFF2-40B4-BE49-F238E27FC236}">
              <a16:creationId xmlns:a16="http://schemas.microsoft.com/office/drawing/2014/main" id="{D8199C4E-BB28-8F76-EFF4-C3B4531265FC}"/>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20"/>
  <sheetViews>
    <sheetView tabSelected="1" view="pageBreakPreview" zoomScale="70" zoomScaleNormal="85" zoomScaleSheetLayoutView="70" workbookViewId="0">
      <selection activeCell="F5" sqref="F5"/>
    </sheetView>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23" width="4.875" style="1" customWidth="1"/>
    <col min="24" max="24" width="5.5" style="1" customWidth="1"/>
    <col min="25" max="29" width="4.875" style="1" customWidth="1"/>
    <col min="30" max="30" width="9.375" style="1" bestFit="1" customWidth="1"/>
    <col min="31" max="32" width="4.875" style="1" customWidth="1"/>
    <col min="33" max="16384" width="9" style="1"/>
  </cols>
  <sheetData>
    <row r="1" spans="1:32" x14ac:dyDescent="0.15">
      <c r="A1" s="105"/>
      <c r="B1" s="105"/>
      <c r="C1" s="101"/>
      <c r="D1" s="101"/>
      <c r="E1" s="101"/>
      <c r="F1" s="101"/>
      <c r="G1" s="101"/>
      <c r="H1" s="101"/>
      <c r="I1" s="101"/>
      <c r="J1" s="101"/>
      <c r="K1" s="101"/>
      <c r="L1" s="101"/>
      <c r="M1" s="101"/>
      <c r="N1" s="101"/>
      <c r="O1" s="101"/>
      <c r="P1" s="101"/>
      <c r="Q1" s="101"/>
      <c r="R1" s="101"/>
      <c r="S1" s="101"/>
      <c r="T1" s="101"/>
      <c r="U1" s="101"/>
      <c r="V1" s="101"/>
      <c r="W1" s="101"/>
      <c r="X1" s="101"/>
      <c r="Y1" s="101"/>
      <c r="Z1" s="101"/>
      <c r="AA1" s="101"/>
      <c r="AB1" s="101"/>
      <c r="AC1" s="101"/>
      <c r="AD1" s="101"/>
      <c r="AE1" s="101"/>
      <c r="AF1" s="101"/>
    </row>
    <row r="2" spans="1:32" ht="20.25" customHeight="1" x14ac:dyDescent="0.15">
      <c r="A2" s="99" t="s">
        <v>0</v>
      </c>
      <c r="B2" s="100"/>
      <c r="C2" s="101"/>
      <c r="D2" s="101"/>
      <c r="E2" s="101"/>
      <c r="F2" s="101"/>
      <c r="G2" s="101"/>
      <c r="H2" s="101"/>
      <c r="I2" s="101"/>
      <c r="J2" s="101"/>
      <c r="K2" s="101"/>
      <c r="L2" s="101"/>
      <c r="M2" s="101"/>
      <c r="N2" s="101"/>
      <c r="O2" s="101"/>
      <c r="P2" s="101"/>
      <c r="Q2" s="101"/>
      <c r="R2" s="101"/>
      <c r="S2" s="101"/>
      <c r="T2" s="101"/>
      <c r="U2" s="101"/>
      <c r="V2" s="101"/>
      <c r="W2" s="101"/>
      <c r="X2" s="101"/>
      <c r="Y2" s="101"/>
      <c r="Z2" s="101"/>
      <c r="AA2" s="101"/>
      <c r="AB2" s="101"/>
      <c r="AC2" s="101"/>
      <c r="AD2" s="101"/>
      <c r="AE2" s="101"/>
      <c r="AF2" s="101"/>
    </row>
    <row r="3" spans="1:32" ht="20.25" customHeight="1" x14ac:dyDescent="0.15">
      <c r="A3" s="387" t="s">
        <v>1</v>
      </c>
      <c r="B3" s="387"/>
      <c r="C3" s="387"/>
      <c r="D3" s="387"/>
      <c r="E3" s="387"/>
      <c r="F3" s="387"/>
      <c r="G3" s="387"/>
      <c r="H3" s="387"/>
      <c r="I3" s="387"/>
      <c r="J3" s="387"/>
      <c r="K3" s="387"/>
      <c r="L3" s="387"/>
      <c r="M3" s="387"/>
      <c r="N3" s="387"/>
      <c r="O3" s="387"/>
      <c r="P3" s="387"/>
      <c r="Q3" s="387"/>
      <c r="R3" s="387"/>
      <c r="S3" s="387"/>
      <c r="T3" s="387"/>
      <c r="U3" s="387"/>
      <c r="V3" s="387"/>
      <c r="W3" s="387"/>
      <c r="X3" s="387"/>
      <c r="Y3" s="387"/>
      <c r="Z3" s="387"/>
      <c r="AA3" s="387"/>
      <c r="AB3" s="387"/>
      <c r="AC3" s="387"/>
      <c r="AD3" s="387"/>
      <c r="AE3" s="387"/>
      <c r="AF3" s="387"/>
    </row>
    <row r="4" spans="1:32" ht="20.25" customHeight="1" x14ac:dyDescent="0.15">
      <c r="A4" s="105"/>
      <c r="B4" s="105"/>
      <c r="C4" s="101"/>
      <c r="D4" s="101"/>
      <c r="E4" s="101"/>
      <c r="F4" s="101"/>
      <c r="G4" s="101"/>
      <c r="H4" s="101"/>
      <c r="I4" s="101"/>
      <c r="J4" s="101"/>
      <c r="K4" s="101"/>
      <c r="L4" s="101"/>
      <c r="M4" s="101"/>
      <c r="N4" s="101"/>
      <c r="O4" s="101"/>
      <c r="P4" s="101"/>
      <c r="Q4" s="101"/>
      <c r="R4" s="101"/>
      <c r="S4" s="101"/>
      <c r="T4" s="101"/>
      <c r="U4" s="101"/>
      <c r="V4" s="101"/>
      <c r="W4" s="101"/>
      <c r="X4" s="101"/>
      <c r="Y4" s="101"/>
      <c r="Z4" s="101"/>
      <c r="AA4" s="101"/>
      <c r="AB4" s="101"/>
      <c r="AC4" s="101"/>
      <c r="AD4" s="101"/>
      <c r="AE4" s="101"/>
      <c r="AF4" s="101"/>
    </row>
    <row r="5" spans="1:32" ht="30" customHeight="1" x14ac:dyDescent="0.15">
      <c r="A5" s="105"/>
      <c r="B5" s="105"/>
      <c r="C5" s="101"/>
      <c r="D5" s="101"/>
      <c r="E5" s="101"/>
      <c r="F5" s="101"/>
      <c r="G5" s="101"/>
      <c r="H5" s="101"/>
      <c r="I5" s="101"/>
      <c r="J5" s="101"/>
      <c r="K5" s="101"/>
      <c r="L5" s="101"/>
      <c r="M5" s="101"/>
      <c r="N5" s="101"/>
      <c r="O5" s="101"/>
      <c r="P5" s="101"/>
      <c r="Q5" s="101"/>
      <c r="R5" s="101"/>
      <c r="S5" s="388" t="s">
        <v>2</v>
      </c>
      <c r="T5" s="389"/>
      <c r="U5" s="389"/>
      <c r="V5" s="390"/>
      <c r="W5" s="106"/>
      <c r="X5" s="107"/>
      <c r="Y5" s="107"/>
      <c r="Z5" s="107"/>
      <c r="AA5" s="107"/>
      <c r="AB5" s="107"/>
      <c r="AC5" s="107"/>
      <c r="AD5" s="107"/>
      <c r="AE5" s="107"/>
      <c r="AF5" s="108"/>
    </row>
    <row r="6" spans="1:32" ht="20.25" customHeight="1" x14ac:dyDescent="0.15">
      <c r="A6" s="105"/>
      <c r="B6" s="105"/>
      <c r="C6" s="101"/>
      <c r="D6" s="101"/>
      <c r="E6" s="101"/>
      <c r="F6" s="101"/>
      <c r="G6" s="101"/>
      <c r="H6" s="101"/>
      <c r="I6" s="101"/>
      <c r="J6" s="101"/>
      <c r="K6" s="101"/>
      <c r="L6" s="101"/>
      <c r="M6" s="101"/>
      <c r="N6" s="101"/>
      <c r="O6" s="101"/>
      <c r="P6" s="101"/>
      <c r="Q6" s="101"/>
      <c r="R6" s="101"/>
      <c r="S6" s="101"/>
      <c r="T6" s="101"/>
      <c r="U6" s="101"/>
      <c r="V6" s="101"/>
      <c r="W6" s="101"/>
      <c r="X6" s="101"/>
      <c r="Y6" s="101"/>
      <c r="Z6" s="101"/>
      <c r="AA6" s="101"/>
      <c r="AB6" s="101"/>
      <c r="AC6" s="101"/>
      <c r="AD6" s="101"/>
      <c r="AE6" s="101"/>
      <c r="AF6" s="101"/>
    </row>
    <row r="7" spans="1:32" ht="17.25" customHeight="1" x14ac:dyDescent="0.15">
      <c r="A7" s="388" t="s">
        <v>3</v>
      </c>
      <c r="B7" s="389"/>
      <c r="C7" s="390"/>
      <c r="D7" s="388" t="s">
        <v>4</v>
      </c>
      <c r="E7" s="390"/>
      <c r="F7" s="388" t="s">
        <v>5</v>
      </c>
      <c r="G7" s="390"/>
      <c r="H7" s="388" t="s">
        <v>6</v>
      </c>
      <c r="I7" s="389"/>
      <c r="J7" s="389"/>
      <c r="K7" s="389"/>
      <c r="L7" s="389"/>
      <c r="M7" s="389"/>
      <c r="N7" s="389"/>
      <c r="O7" s="389"/>
      <c r="P7" s="389"/>
      <c r="Q7" s="389"/>
      <c r="R7" s="389"/>
      <c r="S7" s="389"/>
      <c r="T7" s="389"/>
      <c r="U7" s="389"/>
      <c r="V7" s="389"/>
      <c r="W7" s="389"/>
      <c r="X7" s="390"/>
      <c r="Y7" s="388" t="s">
        <v>7</v>
      </c>
      <c r="Z7" s="389"/>
      <c r="AA7" s="389"/>
      <c r="AB7" s="390"/>
      <c r="AC7" s="388" t="s">
        <v>8</v>
      </c>
      <c r="AD7" s="389"/>
      <c r="AE7" s="389"/>
      <c r="AF7" s="390"/>
    </row>
    <row r="8" spans="1:32" ht="18.75" customHeight="1" x14ac:dyDescent="0.15">
      <c r="A8" s="399" t="s">
        <v>9</v>
      </c>
      <c r="B8" s="400"/>
      <c r="C8" s="401"/>
      <c r="D8" s="399"/>
      <c r="E8" s="401"/>
      <c r="F8" s="399"/>
      <c r="G8" s="401"/>
      <c r="H8" s="405" t="s">
        <v>10</v>
      </c>
      <c r="I8" s="109" t="s">
        <v>11</v>
      </c>
      <c r="J8" s="110" t="s">
        <v>12</v>
      </c>
      <c r="K8" s="111"/>
      <c r="L8" s="111"/>
      <c r="M8" s="109" t="s">
        <v>11</v>
      </c>
      <c r="N8" s="110" t="s">
        <v>13</v>
      </c>
      <c r="O8" s="111"/>
      <c r="P8" s="111"/>
      <c r="Q8" s="109" t="s">
        <v>11</v>
      </c>
      <c r="R8" s="110" t="s">
        <v>14</v>
      </c>
      <c r="S8" s="111"/>
      <c r="T8" s="111"/>
      <c r="U8" s="109" t="s">
        <v>11</v>
      </c>
      <c r="V8" s="110" t="s">
        <v>15</v>
      </c>
      <c r="W8" s="111"/>
      <c r="X8" s="112"/>
      <c r="Y8" s="407"/>
      <c r="Z8" s="408"/>
      <c r="AA8" s="408"/>
      <c r="AB8" s="409"/>
      <c r="AC8" s="407"/>
      <c r="AD8" s="408"/>
      <c r="AE8" s="408"/>
      <c r="AF8" s="409"/>
    </row>
    <row r="9" spans="1:32" ht="18.75" customHeight="1" x14ac:dyDescent="0.15">
      <c r="A9" s="402"/>
      <c r="B9" s="403"/>
      <c r="C9" s="404"/>
      <c r="D9" s="402"/>
      <c r="E9" s="404"/>
      <c r="F9" s="402"/>
      <c r="G9" s="404"/>
      <c r="H9" s="406"/>
      <c r="I9" s="113" t="s">
        <v>11</v>
      </c>
      <c r="J9" s="114" t="s">
        <v>16</v>
      </c>
      <c r="K9" s="115"/>
      <c r="L9" s="115"/>
      <c r="M9" s="109" t="s">
        <v>11</v>
      </c>
      <c r="N9" s="114" t="s">
        <v>17</v>
      </c>
      <c r="O9" s="115"/>
      <c r="P9" s="115"/>
      <c r="Q9" s="109" t="s">
        <v>11</v>
      </c>
      <c r="R9" s="114" t="s">
        <v>18</v>
      </c>
      <c r="S9" s="115"/>
      <c r="T9" s="115"/>
      <c r="U9" s="109" t="s">
        <v>11</v>
      </c>
      <c r="V9" s="114" t="s">
        <v>19</v>
      </c>
      <c r="W9" s="115"/>
      <c r="X9" s="116"/>
      <c r="Y9" s="410"/>
      <c r="Z9" s="411"/>
      <c r="AA9" s="411"/>
      <c r="AB9" s="412"/>
      <c r="AC9" s="410"/>
      <c r="AD9" s="411"/>
      <c r="AE9" s="411"/>
      <c r="AF9" s="412"/>
    </row>
    <row r="10" spans="1:32" ht="18.75" customHeight="1" x14ac:dyDescent="0.15">
      <c r="A10" s="117"/>
      <c r="B10" s="118"/>
      <c r="C10" s="119"/>
      <c r="D10" s="120"/>
      <c r="E10" s="112"/>
      <c r="F10" s="235"/>
      <c r="G10" s="122"/>
      <c r="H10" s="413" t="s">
        <v>120</v>
      </c>
      <c r="I10" s="415" t="s">
        <v>11</v>
      </c>
      <c r="J10" s="417" t="s">
        <v>25</v>
      </c>
      <c r="K10" s="417"/>
      <c r="L10" s="419" t="s">
        <v>11</v>
      </c>
      <c r="M10" s="417" t="s">
        <v>29</v>
      </c>
      <c r="N10" s="417"/>
      <c r="O10" s="417"/>
      <c r="P10" s="124"/>
      <c r="Q10" s="124"/>
      <c r="R10" s="124"/>
      <c r="S10" s="124"/>
      <c r="T10" s="124"/>
      <c r="U10" s="124"/>
      <c r="V10" s="124"/>
      <c r="W10" s="124"/>
      <c r="X10" s="125"/>
      <c r="Y10" s="194" t="s">
        <v>11</v>
      </c>
      <c r="Z10" s="110" t="s">
        <v>20</v>
      </c>
      <c r="AA10" s="110"/>
      <c r="AB10" s="126"/>
      <c r="AC10" s="391"/>
      <c r="AD10" s="391"/>
      <c r="AE10" s="391"/>
      <c r="AF10" s="391"/>
    </row>
    <row r="11" spans="1:32" ht="18.75" customHeight="1" x14ac:dyDescent="0.15">
      <c r="A11" s="127"/>
      <c r="B11" s="128"/>
      <c r="C11" s="129"/>
      <c r="D11" s="130"/>
      <c r="E11" s="116"/>
      <c r="F11" s="236"/>
      <c r="G11" s="132"/>
      <c r="H11" s="414"/>
      <c r="I11" s="416"/>
      <c r="J11" s="418"/>
      <c r="K11" s="418"/>
      <c r="L11" s="420"/>
      <c r="M11" s="418"/>
      <c r="N11" s="418"/>
      <c r="O11" s="418"/>
      <c r="P11" s="237"/>
      <c r="Q11" s="237"/>
      <c r="R11" s="237"/>
      <c r="S11" s="237"/>
      <c r="T11" s="237"/>
      <c r="U11" s="237"/>
      <c r="V11" s="237"/>
      <c r="W11" s="237"/>
      <c r="X11" s="238"/>
      <c r="Y11" s="113" t="s">
        <v>11</v>
      </c>
      <c r="Z11" s="114" t="s">
        <v>21</v>
      </c>
      <c r="AA11" s="114"/>
      <c r="AB11" s="136"/>
      <c r="AC11" s="392"/>
      <c r="AD11" s="392"/>
      <c r="AE11" s="392"/>
      <c r="AF11" s="392"/>
    </row>
    <row r="12" spans="1:32" ht="18.75" customHeight="1" x14ac:dyDescent="0.15">
      <c r="A12" s="127"/>
      <c r="B12" s="128"/>
      <c r="C12" s="129"/>
      <c r="D12" s="130"/>
      <c r="E12" s="116"/>
      <c r="F12" s="236"/>
      <c r="G12" s="238"/>
      <c r="H12" s="224" t="s">
        <v>121</v>
      </c>
      <c r="I12" s="143" t="s">
        <v>11</v>
      </c>
      <c r="J12" s="144" t="s">
        <v>25</v>
      </c>
      <c r="K12" s="145"/>
      <c r="L12" s="147" t="s">
        <v>11</v>
      </c>
      <c r="M12" s="144" t="s">
        <v>29</v>
      </c>
      <c r="N12" s="145"/>
      <c r="O12" s="145"/>
      <c r="P12" s="145"/>
      <c r="Q12" s="145"/>
      <c r="R12" s="145"/>
      <c r="S12" s="145"/>
      <c r="T12" s="145"/>
      <c r="U12" s="145"/>
      <c r="V12" s="145"/>
      <c r="W12" s="145"/>
      <c r="X12" s="152"/>
      <c r="Y12" s="135"/>
      <c r="Z12" s="114"/>
      <c r="AA12" s="135"/>
      <c r="AB12" s="136"/>
      <c r="AC12" s="393"/>
      <c r="AD12" s="393"/>
      <c r="AE12" s="393"/>
      <c r="AF12" s="393"/>
    </row>
    <row r="13" spans="1:32" ht="18.75" customHeight="1" x14ac:dyDescent="0.15">
      <c r="A13" s="113" t="s">
        <v>11</v>
      </c>
      <c r="B13" s="128">
        <v>43</v>
      </c>
      <c r="C13" s="129" t="s">
        <v>122</v>
      </c>
      <c r="D13" s="130"/>
      <c r="E13" s="116"/>
      <c r="F13" s="236"/>
      <c r="G13" s="238"/>
      <c r="H13" s="395" t="s">
        <v>63</v>
      </c>
      <c r="I13" s="397" t="s">
        <v>11</v>
      </c>
      <c r="J13" s="421" t="s">
        <v>31</v>
      </c>
      <c r="K13" s="421"/>
      <c r="L13" s="421"/>
      <c r="M13" s="397" t="s">
        <v>11</v>
      </c>
      <c r="N13" s="421" t="s">
        <v>32</v>
      </c>
      <c r="O13" s="421"/>
      <c r="P13" s="421"/>
      <c r="Q13" s="169"/>
      <c r="R13" s="169"/>
      <c r="S13" s="169"/>
      <c r="T13" s="169"/>
      <c r="U13" s="169"/>
      <c r="V13" s="169"/>
      <c r="W13" s="169"/>
      <c r="X13" s="170"/>
      <c r="Y13" s="135"/>
      <c r="Z13" s="114"/>
      <c r="AA13" s="135"/>
      <c r="AB13" s="136"/>
      <c r="AC13" s="393"/>
      <c r="AD13" s="393"/>
      <c r="AE13" s="393"/>
      <c r="AF13" s="393"/>
    </row>
    <row r="14" spans="1:32" ht="18.75" customHeight="1" x14ac:dyDescent="0.15">
      <c r="A14" s="127"/>
      <c r="B14" s="128"/>
      <c r="C14" s="129"/>
      <c r="D14" s="130"/>
      <c r="E14" s="116"/>
      <c r="F14" s="236"/>
      <c r="G14" s="238"/>
      <c r="H14" s="396"/>
      <c r="I14" s="398"/>
      <c r="J14" s="422"/>
      <c r="K14" s="422"/>
      <c r="L14" s="422"/>
      <c r="M14" s="398"/>
      <c r="N14" s="422"/>
      <c r="O14" s="422"/>
      <c r="P14" s="422"/>
      <c r="Q14" s="160"/>
      <c r="R14" s="160"/>
      <c r="S14" s="160"/>
      <c r="T14" s="160"/>
      <c r="U14" s="160"/>
      <c r="V14" s="160"/>
      <c r="W14" s="160"/>
      <c r="X14" s="161"/>
      <c r="Y14" s="141"/>
      <c r="Z14" s="135"/>
      <c r="AA14" s="135"/>
      <c r="AB14" s="136"/>
      <c r="AC14" s="393"/>
      <c r="AD14" s="393"/>
      <c r="AE14" s="393"/>
      <c r="AF14" s="393"/>
    </row>
    <row r="15" spans="1:32" ht="18.75" customHeight="1" x14ac:dyDescent="0.15">
      <c r="A15" s="113"/>
      <c r="B15" s="128"/>
      <c r="C15" s="129"/>
      <c r="D15" s="130"/>
      <c r="E15" s="116"/>
      <c r="F15" s="236"/>
      <c r="G15" s="238"/>
      <c r="H15" s="395" t="s">
        <v>64</v>
      </c>
      <c r="I15" s="423" t="s">
        <v>11</v>
      </c>
      <c r="J15" s="424" t="s">
        <v>31</v>
      </c>
      <c r="K15" s="424"/>
      <c r="L15" s="424"/>
      <c r="M15" s="425" t="s">
        <v>11</v>
      </c>
      <c r="N15" s="424" t="s">
        <v>123</v>
      </c>
      <c r="O15" s="424"/>
      <c r="P15" s="424"/>
      <c r="Q15" s="169"/>
      <c r="R15" s="169"/>
      <c r="S15" s="169"/>
      <c r="T15" s="169"/>
      <c r="U15" s="169"/>
      <c r="V15" s="169"/>
      <c r="W15" s="169"/>
      <c r="X15" s="170"/>
      <c r="Y15" s="141"/>
      <c r="Z15" s="135"/>
      <c r="AA15" s="135"/>
      <c r="AB15" s="136"/>
      <c r="AC15" s="393"/>
      <c r="AD15" s="393"/>
      <c r="AE15" s="393"/>
      <c r="AF15" s="393"/>
    </row>
    <row r="16" spans="1:32" ht="18.75" customHeight="1" x14ac:dyDescent="0.15">
      <c r="A16" s="127"/>
      <c r="B16" s="128"/>
      <c r="C16" s="129"/>
      <c r="D16" s="130"/>
      <c r="E16" s="116"/>
      <c r="F16" s="236"/>
      <c r="G16" s="238"/>
      <c r="H16" s="396"/>
      <c r="I16" s="423"/>
      <c r="J16" s="424"/>
      <c r="K16" s="424"/>
      <c r="L16" s="424"/>
      <c r="M16" s="425"/>
      <c r="N16" s="424"/>
      <c r="O16" s="424"/>
      <c r="P16" s="424"/>
      <c r="Q16" s="160"/>
      <c r="R16" s="160"/>
      <c r="S16" s="160"/>
      <c r="T16" s="160"/>
      <c r="U16" s="160"/>
      <c r="V16" s="160"/>
      <c r="W16" s="160"/>
      <c r="X16" s="161"/>
      <c r="Y16" s="141"/>
      <c r="Z16" s="135"/>
      <c r="AA16" s="135"/>
      <c r="AB16" s="136"/>
      <c r="AC16" s="393"/>
      <c r="AD16" s="393"/>
      <c r="AE16" s="393"/>
      <c r="AF16" s="393"/>
    </row>
    <row r="17" spans="1:32" ht="18.75" customHeight="1" x14ac:dyDescent="0.15">
      <c r="A17" s="127"/>
      <c r="B17" s="128"/>
      <c r="C17" s="129"/>
      <c r="D17" s="130"/>
      <c r="E17" s="116"/>
      <c r="F17" s="236"/>
      <c r="G17" s="238"/>
      <c r="H17" s="224" t="s">
        <v>124</v>
      </c>
      <c r="I17" s="143" t="s">
        <v>11</v>
      </c>
      <c r="J17" s="144" t="s">
        <v>25</v>
      </c>
      <c r="K17" s="145"/>
      <c r="L17" s="147" t="s">
        <v>11</v>
      </c>
      <c r="M17" s="144" t="s">
        <v>29</v>
      </c>
      <c r="N17" s="145"/>
      <c r="O17" s="145"/>
      <c r="P17" s="145"/>
      <c r="Q17" s="145"/>
      <c r="R17" s="145"/>
      <c r="S17" s="145"/>
      <c r="T17" s="145"/>
      <c r="U17" s="145"/>
      <c r="V17" s="145"/>
      <c r="W17" s="145"/>
      <c r="X17" s="152"/>
      <c r="Y17" s="141"/>
      <c r="Z17" s="135"/>
      <c r="AA17" s="135"/>
      <c r="AB17" s="136"/>
      <c r="AC17" s="393"/>
      <c r="AD17" s="393"/>
      <c r="AE17" s="393"/>
      <c r="AF17" s="393"/>
    </row>
    <row r="18" spans="1:32" ht="18.75" customHeight="1" x14ac:dyDescent="0.15">
      <c r="A18" s="127"/>
      <c r="B18" s="128"/>
      <c r="C18" s="129"/>
      <c r="D18" s="130"/>
      <c r="E18" s="116"/>
      <c r="F18" s="236"/>
      <c r="G18" s="238"/>
      <c r="H18" s="224" t="s">
        <v>125</v>
      </c>
      <c r="I18" s="143" t="s">
        <v>11</v>
      </c>
      <c r="J18" s="144" t="s">
        <v>25</v>
      </c>
      <c r="K18" s="144"/>
      <c r="L18" s="147" t="s">
        <v>11</v>
      </c>
      <c r="M18" s="144" t="s">
        <v>26</v>
      </c>
      <c r="N18" s="144"/>
      <c r="O18" s="147" t="s">
        <v>11</v>
      </c>
      <c r="P18" s="144" t="s">
        <v>27</v>
      </c>
      <c r="Q18" s="200"/>
      <c r="R18" s="147" t="s">
        <v>11</v>
      </c>
      <c r="S18" s="144" t="s">
        <v>28</v>
      </c>
      <c r="T18" s="145"/>
      <c r="U18" s="147" t="s">
        <v>11</v>
      </c>
      <c r="V18" s="144" t="s">
        <v>126</v>
      </c>
      <c r="W18" s="145"/>
      <c r="X18" s="152"/>
      <c r="Y18" s="141"/>
      <c r="Z18" s="135"/>
      <c r="AA18" s="135"/>
      <c r="AB18" s="136"/>
      <c r="AC18" s="393"/>
      <c r="AD18" s="393"/>
      <c r="AE18" s="393"/>
      <c r="AF18" s="393"/>
    </row>
    <row r="19" spans="1:32" ht="18.75" customHeight="1" x14ac:dyDescent="0.15">
      <c r="A19" s="127"/>
      <c r="B19" s="128"/>
      <c r="C19" s="129"/>
      <c r="D19" s="130"/>
      <c r="E19" s="116"/>
      <c r="F19" s="236"/>
      <c r="G19" s="238"/>
      <c r="H19" s="150" t="s">
        <v>127</v>
      </c>
      <c r="I19" s="143" t="s">
        <v>11</v>
      </c>
      <c r="J19" s="144" t="s">
        <v>25</v>
      </c>
      <c r="K19" s="145"/>
      <c r="L19" s="147" t="s">
        <v>11</v>
      </c>
      <c r="M19" s="144" t="s">
        <v>29</v>
      </c>
      <c r="N19" s="145"/>
      <c r="O19" s="145"/>
      <c r="P19" s="145"/>
      <c r="Q19" s="145"/>
      <c r="R19" s="145"/>
      <c r="S19" s="145"/>
      <c r="T19" s="145"/>
      <c r="U19" s="145"/>
      <c r="V19" s="145"/>
      <c r="W19" s="145"/>
      <c r="X19" s="152"/>
      <c r="Y19" s="141"/>
      <c r="Z19" s="135"/>
      <c r="AA19" s="135"/>
      <c r="AB19" s="136"/>
      <c r="AC19" s="393"/>
      <c r="AD19" s="393"/>
      <c r="AE19" s="393"/>
      <c r="AF19" s="393"/>
    </row>
    <row r="20" spans="1:32" ht="18.75" customHeight="1" x14ac:dyDescent="0.15">
      <c r="A20" s="171"/>
      <c r="B20" s="172"/>
      <c r="C20" s="173"/>
      <c r="D20" s="174"/>
      <c r="E20" s="175"/>
      <c r="F20" s="239"/>
      <c r="G20" s="234"/>
      <c r="H20" s="240" t="s">
        <v>128</v>
      </c>
      <c r="I20" s="207" t="s">
        <v>11</v>
      </c>
      <c r="J20" s="208" t="s">
        <v>25</v>
      </c>
      <c r="K20" s="215"/>
      <c r="L20" s="209" t="s">
        <v>11</v>
      </c>
      <c r="M20" s="208" t="s">
        <v>29</v>
      </c>
      <c r="N20" s="215"/>
      <c r="O20" s="215"/>
      <c r="P20" s="215"/>
      <c r="Q20" s="215"/>
      <c r="R20" s="215"/>
      <c r="S20" s="215"/>
      <c r="T20" s="215"/>
      <c r="U20" s="215"/>
      <c r="V20" s="215"/>
      <c r="W20" s="215"/>
      <c r="X20" s="241"/>
      <c r="Y20" s="186"/>
      <c r="Z20" s="184"/>
      <c r="AA20" s="184"/>
      <c r="AB20" s="185"/>
      <c r="AC20" s="394"/>
      <c r="AD20" s="394"/>
      <c r="AE20" s="394"/>
      <c r="AF20" s="394"/>
    </row>
  </sheetData>
  <mergeCells count="30">
    <mergeCell ref="N13:P14"/>
    <mergeCell ref="H15:H16"/>
    <mergeCell ref="I15:I16"/>
    <mergeCell ref="J15:L16"/>
    <mergeCell ref="M15:M16"/>
    <mergeCell ref="N15:P16"/>
    <mergeCell ref="AC10:AF20"/>
    <mergeCell ref="H13:H14"/>
    <mergeCell ref="I13:I14"/>
    <mergeCell ref="A8:C9"/>
    <mergeCell ref="D8:E9"/>
    <mergeCell ref="F8:G9"/>
    <mergeCell ref="H8:H9"/>
    <mergeCell ref="Y8:AB9"/>
    <mergeCell ref="AC8:AF9"/>
    <mergeCell ref="H10:H11"/>
    <mergeCell ref="I10:I11"/>
    <mergeCell ref="J10:K11"/>
    <mergeCell ref="L10:L11"/>
    <mergeCell ref="M10:O11"/>
    <mergeCell ref="J13:L14"/>
    <mergeCell ref="M13:M14"/>
    <mergeCell ref="A3:AF3"/>
    <mergeCell ref="S5:V5"/>
    <mergeCell ref="A7:C7"/>
    <mergeCell ref="D7:E7"/>
    <mergeCell ref="F7:G7"/>
    <mergeCell ref="H7:X7"/>
    <mergeCell ref="Y7:AB7"/>
    <mergeCell ref="AC7:AF7"/>
  </mergeCells>
  <phoneticPr fontId="1"/>
  <dataValidations count="1">
    <dataValidation type="list" allowBlank="1" showInputMessage="1" showErrorMessage="1" sqref="Q8:Q9 M13:M16 O18 R18 U18 A15 A13 L12 L17:L20 U8:U9 M8:M9">
      <formula1>"□,■"</formula1>
    </dataValidation>
  </dataValidations>
  <pageMargins left="0.7" right="0.7" top="0.75" bottom="0.75" header="0.3" footer="0.3"/>
  <pageSetup paperSize="9" scale="51"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69"/>
  <sheetViews>
    <sheetView view="pageBreakPreview" zoomScale="70" zoomScaleNormal="100" zoomScaleSheetLayoutView="70" workbookViewId="0">
      <selection activeCell="F11" sqref="F11"/>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2" width="5.375" style="1" customWidth="1"/>
    <col min="13" max="13" width="6.5" style="1" customWidth="1"/>
    <col min="14" max="17" width="5.375" style="1" customWidth="1"/>
    <col min="18" max="16384" width="9" style="1"/>
  </cols>
  <sheetData>
    <row r="1" spans="1:17" ht="20.25" customHeight="1" x14ac:dyDescent="0.15">
      <c r="A1" s="261"/>
      <c r="B1" s="262" t="s">
        <v>156</v>
      </c>
      <c r="C1" s="261"/>
      <c r="D1" s="261"/>
      <c r="E1" s="261"/>
      <c r="F1" s="261"/>
      <c r="G1" s="261"/>
      <c r="H1" s="261"/>
      <c r="I1" s="261"/>
      <c r="J1" s="261"/>
      <c r="K1" s="261"/>
      <c r="L1" s="101"/>
      <c r="M1" s="101"/>
      <c r="N1" s="101"/>
      <c r="O1" s="101"/>
      <c r="P1" s="101"/>
      <c r="Q1" s="101"/>
    </row>
    <row r="2" spans="1:17" ht="20.25" customHeight="1" x14ac:dyDescent="0.15">
      <c r="A2" s="105"/>
      <c r="B2" s="101"/>
      <c r="C2" s="101"/>
      <c r="D2" s="101"/>
      <c r="E2" s="101"/>
      <c r="F2" s="101"/>
      <c r="G2" s="101"/>
      <c r="H2" s="101"/>
      <c r="I2" s="101"/>
      <c r="J2" s="101"/>
      <c r="K2" s="101"/>
      <c r="L2" s="101"/>
      <c r="M2" s="101"/>
      <c r="N2" s="101"/>
      <c r="O2" s="101"/>
      <c r="P2" s="101"/>
      <c r="Q2" s="101"/>
    </row>
    <row r="3" spans="1:17" ht="20.25" customHeight="1" x14ac:dyDescent="0.15">
      <c r="A3" s="259"/>
      <c r="B3" s="114" t="s">
        <v>157</v>
      </c>
      <c r="C3" s="260"/>
      <c r="D3" s="260"/>
      <c r="E3" s="260"/>
      <c r="F3" s="260"/>
      <c r="G3" s="260"/>
      <c r="H3" s="260"/>
      <c r="I3" s="260"/>
      <c r="J3" s="260"/>
      <c r="K3" s="260"/>
      <c r="L3" s="101"/>
      <c r="M3" s="101"/>
      <c r="N3" s="101"/>
      <c r="O3" s="101"/>
      <c r="P3" s="101"/>
      <c r="Q3" s="101"/>
    </row>
    <row r="4" spans="1:17" ht="20.25" customHeight="1" x14ac:dyDescent="0.15">
      <c r="A4" s="259"/>
      <c r="B4" s="114" t="s">
        <v>158</v>
      </c>
      <c r="C4" s="260"/>
      <c r="D4" s="260"/>
      <c r="E4" s="260"/>
      <c r="F4" s="260"/>
      <c r="G4" s="260"/>
      <c r="H4" s="260"/>
      <c r="I4" s="260"/>
      <c r="J4" s="260"/>
      <c r="K4" s="260"/>
      <c r="L4" s="101"/>
      <c r="M4" s="101"/>
      <c r="N4" s="101"/>
      <c r="O4" s="101"/>
      <c r="P4" s="101"/>
      <c r="Q4" s="101"/>
    </row>
    <row r="5" spans="1:17" ht="20.25" customHeight="1" x14ac:dyDescent="0.15">
      <c r="A5" s="259"/>
      <c r="B5" s="114" t="s">
        <v>159</v>
      </c>
      <c r="C5" s="260"/>
      <c r="D5" s="260"/>
      <c r="E5" s="260"/>
      <c r="F5" s="260"/>
      <c r="G5" s="260"/>
      <c r="H5" s="260"/>
      <c r="I5" s="260"/>
      <c r="J5" s="260"/>
      <c r="K5" s="260"/>
      <c r="L5" s="101"/>
      <c r="M5" s="101"/>
      <c r="N5" s="101"/>
      <c r="O5" s="101"/>
      <c r="P5" s="101"/>
      <c r="Q5" s="101"/>
    </row>
    <row r="6" spans="1:17" ht="20.25" customHeight="1" x14ac:dyDescent="0.15">
      <c r="A6" s="259"/>
      <c r="B6" s="114" t="s">
        <v>160</v>
      </c>
      <c r="C6" s="260"/>
      <c r="D6" s="260"/>
      <c r="E6" s="260"/>
      <c r="F6" s="260"/>
      <c r="G6" s="260"/>
      <c r="H6" s="260"/>
      <c r="I6" s="260"/>
      <c r="J6" s="260"/>
      <c r="K6" s="260"/>
      <c r="L6" s="101"/>
      <c r="M6" s="101"/>
      <c r="N6" s="101"/>
      <c r="O6" s="101"/>
      <c r="P6" s="101"/>
      <c r="Q6" s="101"/>
    </row>
    <row r="7" spans="1:17" ht="20.25" customHeight="1" x14ac:dyDescent="0.15">
      <c r="A7" s="259"/>
      <c r="B7" s="114" t="s">
        <v>161</v>
      </c>
      <c r="C7" s="260"/>
      <c r="D7" s="260"/>
      <c r="E7" s="260"/>
      <c r="F7" s="260"/>
      <c r="G7" s="260"/>
      <c r="H7" s="260"/>
      <c r="I7" s="260"/>
      <c r="J7" s="260"/>
      <c r="K7" s="260"/>
      <c r="L7" s="101"/>
      <c r="M7" s="101"/>
      <c r="N7" s="101"/>
      <c r="O7" s="101"/>
      <c r="P7" s="101"/>
      <c r="Q7" s="101"/>
    </row>
    <row r="8" spans="1:17" ht="20.25" customHeight="1" x14ac:dyDescent="0.15">
      <c r="A8" s="259"/>
      <c r="B8" s="114" t="s">
        <v>162</v>
      </c>
      <c r="C8" s="260"/>
      <c r="D8" s="260"/>
      <c r="E8" s="260"/>
      <c r="F8" s="260"/>
      <c r="G8" s="260"/>
      <c r="H8" s="260"/>
      <c r="I8" s="260"/>
      <c r="J8" s="260"/>
      <c r="K8" s="260"/>
      <c r="L8" s="101"/>
      <c r="M8" s="101"/>
      <c r="N8" s="101"/>
      <c r="O8" s="101"/>
      <c r="P8" s="101"/>
      <c r="Q8" s="101"/>
    </row>
    <row r="9" spans="1:17" ht="20.25" customHeight="1" x14ac:dyDescent="0.15">
      <c r="A9" s="259"/>
      <c r="B9" s="114" t="s">
        <v>163</v>
      </c>
      <c r="C9" s="114"/>
      <c r="D9" s="114"/>
      <c r="E9" s="114"/>
      <c r="F9" s="114"/>
      <c r="G9" s="114"/>
      <c r="H9" s="114"/>
      <c r="I9" s="114"/>
      <c r="J9" s="114"/>
      <c r="K9" s="260"/>
      <c r="L9" s="101"/>
      <c r="M9" s="101"/>
      <c r="N9" s="101"/>
      <c r="O9" s="101"/>
      <c r="P9" s="101"/>
      <c r="Q9" s="101"/>
    </row>
    <row r="10" spans="1:17" ht="20.25" customHeight="1" x14ac:dyDescent="0.15">
      <c r="A10" s="259"/>
      <c r="B10" s="114" t="s">
        <v>164</v>
      </c>
      <c r="C10" s="260"/>
      <c r="D10" s="260"/>
      <c r="E10" s="260"/>
      <c r="F10" s="260"/>
      <c r="G10" s="260"/>
      <c r="H10" s="260"/>
      <c r="I10" s="260"/>
      <c r="J10" s="260"/>
      <c r="K10" s="260"/>
      <c r="L10" s="101"/>
      <c r="M10" s="101"/>
      <c r="N10" s="101"/>
      <c r="O10" s="101"/>
      <c r="P10" s="101"/>
      <c r="Q10" s="101"/>
    </row>
    <row r="11" spans="1:17" ht="20.25" customHeight="1" x14ac:dyDescent="0.15">
      <c r="A11" s="259"/>
      <c r="B11" s="114" t="s">
        <v>165</v>
      </c>
      <c r="C11" s="260"/>
      <c r="D11" s="260"/>
      <c r="E11" s="260"/>
      <c r="F11" s="260"/>
      <c r="G11" s="260"/>
      <c r="H11" s="260"/>
      <c r="I11" s="260"/>
      <c r="J11" s="260"/>
      <c r="K11" s="260"/>
      <c r="L11" s="101"/>
      <c r="M11" s="101"/>
      <c r="N11" s="101"/>
      <c r="O11" s="101"/>
      <c r="P11" s="101"/>
      <c r="Q11" s="101"/>
    </row>
    <row r="12" spans="1:17" ht="20.25" customHeight="1" x14ac:dyDescent="0.15">
      <c r="A12" s="259"/>
      <c r="B12" s="114" t="s">
        <v>166</v>
      </c>
      <c r="C12" s="260"/>
      <c r="D12" s="260"/>
      <c r="E12" s="260"/>
      <c r="F12" s="260"/>
      <c r="G12" s="260"/>
      <c r="H12" s="260"/>
      <c r="I12" s="260"/>
      <c r="J12" s="260"/>
      <c r="K12" s="260"/>
      <c r="L12" s="101"/>
      <c r="M12" s="101"/>
      <c r="N12" s="101"/>
      <c r="O12" s="101"/>
      <c r="P12" s="101"/>
      <c r="Q12" s="101"/>
    </row>
    <row r="13" spans="1:17" ht="20.25" customHeight="1" x14ac:dyDescent="0.15">
      <c r="A13" s="261"/>
      <c r="B13" s="114" t="s">
        <v>167</v>
      </c>
      <c r="C13" s="261"/>
      <c r="D13" s="261"/>
      <c r="E13" s="261"/>
      <c r="F13" s="261"/>
      <c r="G13" s="261"/>
      <c r="H13" s="261"/>
      <c r="I13" s="261"/>
      <c r="J13" s="261"/>
      <c r="K13" s="261"/>
      <c r="L13" s="101"/>
      <c r="M13" s="101"/>
      <c r="N13" s="101"/>
      <c r="O13" s="101"/>
      <c r="P13" s="101"/>
      <c r="Q13" s="101"/>
    </row>
    <row r="14" spans="1:17" ht="48" customHeight="1" x14ac:dyDescent="0.15">
      <c r="A14" s="261"/>
      <c r="B14" s="426" t="s">
        <v>168</v>
      </c>
      <c r="C14" s="418"/>
      <c r="D14" s="418"/>
      <c r="E14" s="418"/>
      <c r="F14" s="418"/>
      <c r="G14" s="418"/>
      <c r="H14" s="418"/>
      <c r="I14" s="418"/>
      <c r="J14" s="418"/>
      <c r="K14" s="418"/>
      <c r="L14" s="101"/>
      <c r="M14" s="101"/>
      <c r="N14" s="101"/>
      <c r="O14" s="101"/>
      <c r="P14" s="101"/>
      <c r="Q14" s="101"/>
    </row>
    <row r="15" spans="1:17" ht="21" customHeight="1" x14ac:dyDescent="0.15">
      <c r="A15" s="261"/>
      <c r="B15" s="426" t="s">
        <v>169</v>
      </c>
      <c r="C15" s="426"/>
      <c r="D15" s="426"/>
      <c r="E15" s="426"/>
      <c r="F15" s="426"/>
      <c r="G15" s="426"/>
      <c r="H15" s="101"/>
      <c r="I15" s="101"/>
      <c r="J15" s="101"/>
      <c r="K15" s="101"/>
      <c r="L15" s="101"/>
      <c r="M15" s="101"/>
      <c r="N15" s="101"/>
      <c r="O15" s="101"/>
      <c r="P15" s="101"/>
      <c r="Q15" s="101"/>
    </row>
    <row r="16" spans="1:17" ht="20.25" customHeight="1" x14ac:dyDescent="0.15">
      <c r="A16" s="261"/>
      <c r="B16" s="114" t="s">
        <v>170</v>
      </c>
      <c r="C16" s="261"/>
      <c r="D16" s="261"/>
      <c r="E16" s="261"/>
      <c r="F16" s="261"/>
      <c r="G16" s="261"/>
      <c r="H16" s="261"/>
      <c r="I16" s="261"/>
      <c r="J16" s="261"/>
      <c r="K16" s="261"/>
      <c r="L16" s="101"/>
      <c r="M16" s="101"/>
      <c r="N16" s="101"/>
      <c r="O16" s="101"/>
      <c r="P16" s="101"/>
      <c r="Q16" s="101"/>
    </row>
    <row r="17" spans="1:19" ht="20.25" customHeight="1" x14ac:dyDescent="0.15">
      <c r="A17" s="261"/>
      <c r="B17" s="114" t="s">
        <v>171</v>
      </c>
      <c r="C17" s="261"/>
      <c r="D17" s="261"/>
      <c r="E17" s="261"/>
      <c r="F17" s="261"/>
      <c r="G17" s="261"/>
      <c r="H17" s="261"/>
      <c r="I17" s="261"/>
      <c r="J17" s="261"/>
      <c r="K17" s="261"/>
      <c r="L17" s="101"/>
      <c r="M17" s="101"/>
      <c r="N17" s="101"/>
      <c r="O17" s="101"/>
      <c r="P17" s="101"/>
      <c r="Q17" s="101"/>
    </row>
    <row r="18" spans="1:19" ht="20.25" customHeight="1" x14ac:dyDescent="0.15">
      <c r="A18" s="261"/>
      <c r="B18" s="114" t="s">
        <v>172</v>
      </c>
      <c r="C18" s="261"/>
      <c r="D18" s="261"/>
      <c r="E18" s="261"/>
      <c r="F18" s="261"/>
      <c r="G18" s="261"/>
      <c r="H18" s="261"/>
      <c r="I18" s="261"/>
      <c r="J18" s="261"/>
      <c r="K18" s="261"/>
      <c r="L18" s="101"/>
      <c r="M18" s="101"/>
      <c r="N18" s="101"/>
      <c r="O18" s="101"/>
      <c r="P18" s="101"/>
      <c r="Q18" s="101"/>
    </row>
    <row r="19" spans="1:19" ht="20.25" customHeight="1" x14ac:dyDescent="0.15">
      <c r="A19" s="261"/>
      <c r="B19" s="114" t="s">
        <v>173</v>
      </c>
      <c r="C19" s="261"/>
      <c r="D19" s="261"/>
      <c r="E19" s="261"/>
      <c r="F19" s="261"/>
      <c r="G19" s="261"/>
      <c r="H19" s="261"/>
      <c r="I19" s="261"/>
      <c r="J19" s="261"/>
      <c r="K19" s="261"/>
      <c r="L19" s="101"/>
      <c r="M19" s="101"/>
      <c r="N19" s="101"/>
      <c r="O19" s="101"/>
      <c r="P19" s="101"/>
      <c r="Q19" s="101"/>
    </row>
    <row r="20" spans="1:19" ht="20.25" customHeight="1" x14ac:dyDescent="0.15">
      <c r="A20" s="261"/>
      <c r="B20" s="114" t="s">
        <v>174</v>
      </c>
      <c r="C20" s="261"/>
      <c r="D20" s="261"/>
      <c r="E20" s="261"/>
      <c r="F20" s="261"/>
      <c r="G20" s="261"/>
      <c r="H20" s="101"/>
      <c r="I20" s="101"/>
      <c r="J20" s="101"/>
      <c r="K20" s="101"/>
      <c r="L20" s="101"/>
      <c r="M20" s="101"/>
      <c r="N20" s="101"/>
      <c r="O20" s="101"/>
      <c r="P20" s="101"/>
      <c r="Q20" s="101"/>
    </row>
    <row r="21" spans="1:19" ht="20.25" customHeight="1" x14ac:dyDescent="0.15">
      <c r="A21" s="261"/>
      <c r="B21" s="114" t="s">
        <v>175</v>
      </c>
      <c r="C21" s="261"/>
      <c r="D21" s="261"/>
      <c r="E21" s="261"/>
      <c r="F21" s="261"/>
      <c r="G21" s="261"/>
      <c r="H21" s="101"/>
      <c r="I21" s="101"/>
      <c r="J21" s="101"/>
      <c r="K21" s="101"/>
      <c r="L21" s="101"/>
      <c r="M21" s="101"/>
      <c r="N21" s="101"/>
      <c r="O21" s="101"/>
      <c r="P21" s="101"/>
      <c r="Q21" s="101"/>
    </row>
    <row r="22" spans="1:19" ht="20.25" customHeight="1" x14ac:dyDescent="0.15">
      <c r="A22" s="261"/>
      <c r="B22" s="114" t="s">
        <v>176</v>
      </c>
      <c r="C22" s="261"/>
      <c r="D22" s="261"/>
      <c r="E22" s="261"/>
      <c r="F22" s="261"/>
      <c r="G22" s="261"/>
      <c r="H22" s="101"/>
      <c r="I22" s="101"/>
      <c r="J22" s="101"/>
      <c r="K22" s="101"/>
      <c r="L22" s="101"/>
      <c r="M22" s="101"/>
      <c r="N22" s="101"/>
      <c r="O22" s="101"/>
      <c r="P22" s="101"/>
      <c r="Q22" s="101"/>
    </row>
    <row r="23" spans="1:19" ht="20.25" customHeight="1" x14ac:dyDescent="0.15">
      <c r="A23" s="261"/>
      <c r="B23" s="114" t="s">
        <v>177</v>
      </c>
      <c r="C23" s="261"/>
      <c r="D23" s="261"/>
      <c r="E23" s="261"/>
      <c r="F23" s="261"/>
      <c r="G23" s="261"/>
      <c r="H23" s="101"/>
      <c r="I23" s="101"/>
      <c r="J23" s="101"/>
      <c r="K23" s="101"/>
      <c r="L23" s="101"/>
      <c r="M23" s="101"/>
      <c r="N23" s="101"/>
      <c r="O23" s="101"/>
      <c r="P23" s="101"/>
      <c r="Q23" s="101"/>
    </row>
    <row r="24" spans="1:19" ht="20.25" customHeight="1" x14ac:dyDescent="0.15">
      <c r="A24" s="261"/>
      <c r="B24" s="114" t="s">
        <v>178</v>
      </c>
      <c r="C24" s="261"/>
      <c r="D24" s="261"/>
      <c r="E24" s="261"/>
      <c r="F24" s="261"/>
      <c r="G24" s="261"/>
      <c r="H24" s="101"/>
      <c r="I24" s="101"/>
      <c r="J24" s="101"/>
      <c r="K24" s="101"/>
      <c r="L24" s="101"/>
      <c r="M24" s="101"/>
      <c r="N24" s="101"/>
      <c r="O24" s="101"/>
      <c r="P24" s="101"/>
      <c r="Q24" s="101"/>
    </row>
    <row r="25" spans="1:19" ht="20.25" customHeight="1" x14ac:dyDescent="0.15">
      <c r="A25" s="261"/>
      <c r="B25" s="114" t="s">
        <v>179</v>
      </c>
      <c r="C25" s="261"/>
      <c r="D25" s="261"/>
      <c r="E25" s="261"/>
      <c r="F25" s="261"/>
      <c r="G25" s="261"/>
      <c r="H25" s="101"/>
      <c r="I25" s="101"/>
      <c r="J25" s="101"/>
      <c r="K25" s="101"/>
      <c r="L25" s="101"/>
      <c r="M25" s="101"/>
      <c r="N25" s="101"/>
      <c r="O25" s="101"/>
      <c r="P25" s="101"/>
      <c r="Q25" s="101"/>
    </row>
    <row r="26" spans="1:19" ht="20.25" customHeight="1" x14ac:dyDescent="0.15">
      <c r="A26" s="261"/>
      <c r="B26" s="114" t="s">
        <v>180</v>
      </c>
      <c r="C26" s="261"/>
      <c r="D26" s="261"/>
      <c r="E26" s="261"/>
      <c r="F26" s="114"/>
      <c r="G26" s="114"/>
      <c r="H26" s="101"/>
      <c r="I26" s="101"/>
      <c r="J26" s="101"/>
      <c r="K26" s="101"/>
      <c r="L26" s="101"/>
      <c r="M26" s="101"/>
      <c r="N26" s="101"/>
      <c r="O26" s="101"/>
      <c r="P26" s="101"/>
      <c r="Q26" s="101"/>
      <c r="S26" s="97"/>
    </row>
    <row r="27" spans="1:19" ht="20.25" customHeight="1" x14ac:dyDescent="0.15">
      <c r="A27" s="261"/>
      <c r="B27" s="114" t="s">
        <v>181</v>
      </c>
      <c r="C27" s="261"/>
      <c r="D27" s="261"/>
      <c r="E27" s="261"/>
      <c r="F27" s="261"/>
      <c r="G27" s="261"/>
      <c r="H27" s="101"/>
      <c r="I27" s="101"/>
      <c r="J27" s="101"/>
      <c r="K27" s="101"/>
      <c r="L27" s="101"/>
      <c r="M27" s="101"/>
      <c r="N27" s="101"/>
      <c r="O27" s="101"/>
      <c r="P27" s="101"/>
      <c r="Q27" s="101"/>
      <c r="S27" s="97"/>
    </row>
    <row r="28" spans="1:19" ht="20.25" customHeight="1" x14ac:dyDescent="0.15">
      <c r="A28" s="261"/>
      <c r="B28" s="114" t="s">
        <v>182</v>
      </c>
      <c r="C28" s="261"/>
      <c r="D28" s="261"/>
      <c r="E28" s="261"/>
      <c r="F28" s="261"/>
      <c r="G28" s="261"/>
      <c r="H28" s="101"/>
      <c r="I28" s="101"/>
      <c r="J28" s="101"/>
      <c r="K28" s="101"/>
      <c r="L28" s="101"/>
      <c r="M28" s="101"/>
      <c r="N28" s="101"/>
      <c r="O28" s="101"/>
      <c r="P28" s="101"/>
      <c r="Q28" s="101"/>
      <c r="S28" s="97"/>
    </row>
    <row r="29" spans="1:19" s="85" customFormat="1" ht="19.5" customHeight="1" x14ac:dyDescent="0.15">
      <c r="A29" s="227"/>
      <c r="B29" s="114" t="s">
        <v>183</v>
      </c>
      <c r="C29" s="263"/>
      <c r="D29" s="263"/>
      <c r="E29" s="263"/>
      <c r="F29" s="263"/>
      <c r="G29" s="263"/>
      <c r="H29" s="263"/>
      <c r="I29" s="263"/>
      <c r="J29" s="263"/>
      <c r="K29" s="263"/>
      <c r="L29" s="263"/>
      <c r="M29" s="263"/>
      <c r="N29" s="263"/>
      <c r="O29" s="263"/>
      <c r="P29" s="263"/>
      <c r="Q29" s="263"/>
      <c r="S29" s="97"/>
    </row>
    <row r="30" spans="1:19" s="85" customFormat="1" ht="19.5" customHeight="1" x14ac:dyDescent="0.15">
      <c r="A30" s="227"/>
      <c r="B30" s="114" t="s">
        <v>184</v>
      </c>
      <c r="C30" s="263"/>
      <c r="D30" s="263"/>
      <c r="E30" s="263"/>
      <c r="F30" s="263"/>
      <c r="G30" s="263"/>
      <c r="H30" s="263"/>
      <c r="I30" s="263"/>
      <c r="J30" s="263"/>
      <c r="K30" s="263"/>
      <c r="L30" s="263"/>
      <c r="M30" s="263"/>
      <c r="N30" s="263"/>
      <c r="O30" s="263"/>
      <c r="P30" s="263"/>
      <c r="Q30" s="263"/>
    </row>
    <row r="31" spans="1:19" s="85" customFormat="1" ht="19.5" customHeight="1" x14ac:dyDescent="0.15">
      <c r="A31" s="227"/>
      <c r="B31" s="114" t="s">
        <v>185</v>
      </c>
      <c r="C31" s="263"/>
      <c r="D31" s="263"/>
      <c r="E31" s="263"/>
      <c r="F31" s="263"/>
      <c r="G31" s="263"/>
      <c r="H31" s="263"/>
      <c r="I31" s="263"/>
      <c r="J31" s="263"/>
      <c r="K31" s="133"/>
      <c r="L31" s="133"/>
      <c r="M31" s="133"/>
      <c r="N31" s="133"/>
      <c r="O31" s="263"/>
      <c r="P31" s="263"/>
      <c r="Q31" s="263"/>
    </row>
    <row r="32" spans="1:19" s="85" customFormat="1" ht="19.5" customHeight="1" x14ac:dyDescent="0.15">
      <c r="A32" s="227"/>
      <c r="B32" s="418" t="s">
        <v>186</v>
      </c>
      <c r="C32" s="418"/>
      <c r="D32" s="418"/>
      <c r="E32" s="418"/>
      <c r="F32" s="418"/>
      <c r="G32" s="418"/>
      <c r="H32" s="263"/>
      <c r="I32" s="263"/>
      <c r="J32" s="263"/>
      <c r="K32" s="263"/>
      <c r="L32" s="263"/>
      <c r="M32" s="263"/>
      <c r="N32" s="263"/>
      <c r="O32" s="263"/>
      <c r="P32" s="263"/>
      <c r="Q32" s="263"/>
      <c r="S32" s="97"/>
    </row>
    <row r="33" spans="1:32" s="85" customFormat="1" ht="19.5" customHeight="1" x14ac:dyDescent="0.15">
      <c r="A33" s="227"/>
      <c r="B33" s="114" t="s">
        <v>187</v>
      </c>
      <c r="C33" s="263"/>
      <c r="D33" s="263"/>
      <c r="E33" s="263"/>
      <c r="F33" s="263"/>
      <c r="G33" s="263"/>
      <c r="H33" s="263"/>
      <c r="I33" s="263"/>
      <c r="J33" s="263"/>
      <c r="K33" s="263"/>
      <c r="L33" s="263"/>
      <c r="M33" s="263"/>
      <c r="N33" s="263"/>
      <c r="O33" s="263"/>
      <c r="P33" s="263"/>
      <c r="Q33" s="263"/>
      <c r="S33" s="97"/>
    </row>
    <row r="34" spans="1:32" s="85" customFormat="1" ht="41.25" customHeight="1" x14ac:dyDescent="0.15">
      <c r="A34" s="227"/>
      <c r="B34" s="426" t="s">
        <v>188</v>
      </c>
      <c r="C34" s="426"/>
      <c r="D34" s="426"/>
      <c r="E34" s="426"/>
      <c r="F34" s="426"/>
      <c r="G34" s="426"/>
      <c r="H34" s="426"/>
      <c r="I34" s="426"/>
      <c r="J34" s="426"/>
      <c r="K34" s="426"/>
      <c r="L34" s="264"/>
      <c r="M34" s="264"/>
      <c r="N34" s="264"/>
      <c r="O34" s="264"/>
      <c r="P34" s="263"/>
      <c r="Q34" s="263"/>
      <c r="S34" s="97"/>
    </row>
    <row r="35" spans="1:32" s="85" customFormat="1" ht="19.5" customHeight="1" x14ac:dyDescent="0.15">
      <c r="A35" s="227"/>
      <c r="B35" s="114" t="s">
        <v>189</v>
      </c>
      <c r="C35" s="263"/>
      <c r="D35" s="263"/>
      <c r="E35" s="263"/>
      <c r="F35" s="263"/>
      <c r="G35" s="263"/>
      <c r="H35" s="263"/>
      <c r="I35" s="263"/>
      <c r="J35" s="263"/>
      <c r="K35" s="263"/>
      <c r="L35" s="263"/>
      <c r="M35" s="263"/>
      <c r="N35" s="263"/>
      <c r="O35" s="263"/>
      <c r="P35" s="263"/>
      <c r="Q35" s="263"/>
      <c r="S35" s="97"/>
    </row>
    <row r="36" spans="1:32" s="97" customFormat="1" ht="20.25" customHeight="1" x14ac:dyDescent="0.15">
      <c r="A36" s="109"/>
      <c r="B36" s="114" t="s">
        <v>190</v>
      </c>
      <c r="C36" s="133"/>
      <c r="D36" s="133"/>
      <c r="E36" s="133"/>
      <c r="F36" s="133"/>
      <c r="G36" s="133"/>
      <c r="H36" s="133"/>
      <c r="I36" s="133"/>
      <c r="J36" s="133"/>
      <c r="K36" s="133"/>
      <c r="L36" s="133"/>
      <c r="M36" s="133"/>
      <c r="N36" s="133"/>
      <c r="O36" s="133"/>
      <c r="P36" s="133"/>
      <c r="Q36" s="133"/>
    </row>
    <row r="37" spans="1:32" ht="20.25" customHeight="1" x14ac:dyDescent="0.15">
      <c r="A37" s="101"/>
      <c r="B37" s="114" t="s">
        <v>191</v>
      </c>
      <c r="C37" s="261"/>
      <c r="D37" s="261"/>
      <c r="E37" s="261"/>
      <c r="F37" s="261"/>
      <c r="G37" s="261"/>
      <c r="H37" s="101"/>
      <c r="I37" s="101"/>
      <c r="J37" s="101"/>
      <c r="K37" s="101"/>
      <c r="L37" s="101"/>
      <c r="M37" s="101"/>
      <c r="N37" s="101"/>
      <c r="O37" s="101"/>
      <c r="P37" s="101"/>
      <c r="Q37" s="101"/>
      <c r="S37" s="97"/>
    </row>
    <row r="38" spans="1:32" ht="20.25" customHeight="1" x14ac:dyDescent="0.15">
      <c r="A38" s="246"/>
      <c r="B38" s="243" t="s">
        <v>192</v>
      </c>
      <c r="C38" s="265"/>
      <c r="D38" s="265"/>
      <c r="E38" s="265"/>
      <c r="F38" s="265"/>
      <c r="G38" s="265"/>
      <c r="H38" s="246"/>
      <c r="I38" s="246"/>
      <c r="J38" s="246"/>
      <c r="K38" s="246"/>
      <c r="L38" s="246"/>
      <c r="M38" s="246"/>
      <c r="N38" s="246"/>
      <c r="O38" s="246"/>
      <c r="P38" s="246"/>
      <c r="Q38" s="159"/>
      <c r="R38" s="102"/>
      <c r="S38" s="103"/>
      <c r="T38" s="102"/>
      <c r="U38" s="102"/>
      <c r="V38" s="102"/>
      <c r="W38" s="102"/>
      <c r="X38" s="102"/>
      <c r="Y38" s="102"/>
      <c r="Z38" s="102"/>
      <c r="AA38" s="102"/>
      <c r="AB38" s="102"/>
      <c r="AC38" s="102"/>
      <c r="AD38" s="102"/>
      <c r="AE38" s="102"/>
      <c r="AF38" s="102"/>
    </row>
    <row r="39" spans="1:32" ht="20.25" customHeight="1" x14ac:dyDescent="0.15">
      <c r="A39" s="246"/>
      <c r="B39" s="243" t="s">
        <v>193</v>
      </c>
      <c r="C39" s="265"/>
      <c r="D39" s="265"/>
      <c r="E39" s="265"/>
      <c r="F39" s="265"/>
      <c r="G39" s="265"/>
      <c r="H39" s="101"/>
      <c r="I39" s="246"/>
      <c r="J39" s="101"/>
      <c r="K39" s="101"/>
      <c r="L39" s="101"/>
      <c r="M39" s="101"/>
      <c r="N39" s="101"/>
      <c r="O39" s="246"/>
      <c r="P39" s="246"/>
      <c r="Q39" s="159"/>
      <c r="R39" s="102"/>
      <c r="S39" s="102"/>
      <c r="T39" s="102"/>
      <c r="U39" s="102"/>
      <c r="V39" s="102"/>
      <c r="W39" s="102"/>
      <c r="X39" s="102"/>
      <c r="Y39" s="102"/>
      <c r="Z39" s="102"/>
      <c r="AA39" s="102"/>
      <c r="AB39" s="102"/>
      <c r="AC39" s="102"/>
      <c r="AD39" s="102"/>
      <c r="AE39" s="102"/>
      <c r="AF39" s="102"/>
    </row>
    <row r="40" spans="1:32" ht="20.25" customHeight="1" x14ac:dyDescent="0.15">
      <c r="A40" s="101"/>
      <c r="B40" s="114" t="s">
        <v>194</v>
      </c>
      <c r="C40" s="261"/>
      <c r="D40" s="261"/>
      <c r="E40" s="261"/>
      <c r="F40" s="261"/>
      <c r="G40" s="261"/>
      <c r="H40" s="101"/>
      <c r="I40" s="101"/>
      <c r="J40" s="101"/>
      <c r="K40" s="101"/>
      <c r="L40" s="101"/>
      <c r="M40" s="101"/>
      <c r="N40" s="101"/>
      <c r="O40" s="246"/>
      <c r="P40" s="246"/>
      <c r="Q40" s="159"/>
    </row>
    <row r="41" spans="1:32" s="90" customFormat="1" ht="20.25" customHeight="1" x14ac:dyDescent="0.15">
      <c r="A41" s="135"/>
      <c r="B41" s="114" t="s">
        <v>195</v>
      </c>
      <c r="C41" s="135"/>
      <c r="D41" s="135"/>
      <c r="E41" s="135"/>
      <c r="F41" s="135"/>
      <c r="G41" s="135"/>
      <c r="H41" s="135"/>
      <c r="I41" s="135"/>
      <c r="J41" s="135"/>
      <c r="K41" s="135"/>
      <c r="L41" s="135"/>
      <c r="M41" s="135"/>
      <c r="N41" s="135"/>
      <c r="O41" s="244"/>
      <c r="P41" s="244"/>
      <c r="Q41" s="136"/>
    </row>
    <row r="42" spans="1:32" s="90" customFormat="1" ht="20.25" customHeight="1" x14ac:dyDescent="0.15">
      <c r="A42" s="135"/>
      <c r="B42" s="114" t="s">
        <v>196</v>
      </c>
      <c r="C42" s="135"/>
      <c r="D42" s="135"/>
      <c r="E42" s="135"/>
      <c r="F42" s="135"/>
      <c r="G42" s="135"/>
      <c r="H42" s="135"/>
      <c r="I42" s="135"/>
      <c r="J42" s="135"/>
      <c r="K42" s="135"/>
      <c r="L42" s="135"/>
      <c r="M42" s="135"/>
      <c r="N42" s="135"/>
      <c r="O42" s="244"/>
      <c r="P42" s="244"/>
      <c r="Q42" s="136"/>
    </row>
    <row r="43" spans="1:32" s="90" customFormat="1" ht="20.25" customHeight="1" x14ac:dyDescent="0.15">
      <c r="A43" s="135"/>
      <c r="B43" s="114"/>
      <c r="C43" s="135"/>
      <c r="D43" s="135"/>
      <c r="E43" s="135"/>
      <c r="F43" s="135"/>
      <c r="G43" s="135"/>
      <c r="H43" s="135"/>
      <c r="I43" s="135"/>
      <c r="J43" s="135"/>
      <c r="K43" s="135"/>
      <c r="L43" s="135"/>
      <c r="M43" s="135"/>
      <c r="N43" s="135"/>
      <c r="O43" s="244"/>
      <c r="P43" s="244"/>
      <c r="Q43" s="136"/>
    </row>
    <row r="44" spans="1:32" s="90" customFormat="1" ht="20.25" customHeight="1" x14ac:dyDescent="0.15">
      <c r="A44" s="135"/>
      <c r="B44" s="114" t="s">
        <v>197</v>
      </c>
      <c r="C44" s="135"/>
      <c r="D44" s="135"/>
      <c r="E44" s="135"/>
      <c r="F44" s="135"/>
      <c r="G44" s="135"/>
      <c r="H44" s="135"/>
      <c r="I44" s="135"/>
      <c r="J44" s="135"/>
      <c r="K44" s="135"/>
      <c r="L44" s="135"/>
      <c r="M44" s="135"/>
      <c r="N44" s="135"/>
      <c r="O44" s="244"/>
      <c r="P44" s="244"/>
      <c r="Q44" s="136"/>
    </row>
    <row r="45" spans="1:32" s="90" customFormat="1" ht="20.25" customHeight="1" x14ac:dyDescent="0.15">
      <c r="A45" s="135"/>
      <c r="B45" s="114" t="s">
        <v>198</v>
      </c>
      <c r="C45" s="135"/>
      <c r="D45" s="135"/>
      <c r="E45" s="135"/>
      <c r="F45" s="135"/>
      <c r="G45" s="135"/>
      <c r="H45" s="135"/>
      <c r="I45" s="135"/>
      <c r="J45" s="135"/>
      <c r="K45" s="135"/>
      <c r="L45" s="135"/>
      <c r="M45" s="135"/>
      <c r="N45" s="135"/>
      <c r="O45" s="244"/>
      <c r="P45" s="244"/>
      <c r="Q45" s="136"/>
    </row>
    <row r="46" spans="1:32" s="90" customFormat="1" ht="20.25" customHeight="1" x14ac:dyDescent="0.15">
      <c r="A46" s="135"/>
      <c r="B46" s="114" t="s">
        <v>199</v>
      </c>
      <c r="C46" s="135"/>
      <c r="D46" s="135"/>
      <c r="E46" s="135"/>
      <c r="F46" s="135"/>
      <c r="G46" s="135"/>
      <c r="H46" s="135"/>
      <c r="I46" s="135"/>
      <c r="J46" s="135"/>
      <c r="K46" s="135"/>
      <c r="L46" s="135"/>
      <c r="M46" s="135"/>
      <c r="N46" s="135"/>
      <c r="O46" s="244"/>
      <c r="P46" s="244"/>
      <c r="Q46" s="136"/>
    </row>
    <row r="47" spans="1:32" s="90" customFormat="1" ht="20.25" customHeight="1" x14ac:dyDescent="0.15">
      <c r="A47" s="135"/>
      <c r="B47" s="114" t="s">
        <v>200</v>
      </c>
      <c r="C47" s="135"/>
      <c r="D47" s="135"/>
      <c r="E47" s="135"/>
      <c r="F47" s="135"/>
      <c r="G47" s="135"/>
      <c r="H47" s="135"/>
      <c r="I47" s="135"/>
      <c r="J47" s="135"/>
      <c r="K47" s="135"/>
      <c r="L47" s="135"/>
      <c r="M47" s="135"/>
      <c r="N47" s="135"/>
      <c r="O47" s="135"/>
      <c r="P47" s="135"/>
      <c r="Q47" s="135"/>
    </row>
    <row r="48" spans="1:32" s="90" customFormat="1" ht="20.25" customHeight="1" x14ac:dyDescent="0.15">
      <c r="A48" s="135"/>
      <c r="B48" s="114" t="s">
        <v>201</v>
      </c>
      <c r="C48" s="135"/>
      <c r="D48" s="135"/>
      <c r="E48" s="135"/>
      <c r="F48" s="135"/>
      <c r="G48" s="135"/>
      <c r="H48" s="135"/>
      <c r="I48" s="135"/>
      <c r="J48" s="135"/>
      <c r="K48" s="135"/>
      <c r="L48" s="135"/>
      <c r="M48" s="135"/>
      <c r="N48" s="135"/>
      <c r="O48" s="135"/>
      <c r="P48" s="135"/>
      <c r="Q48" s="135"/>
    </row>
    <row r="49" spans="1:19" s="90" customFormat="1" ht="20.25" customHeight="1" x14ac:dyDescent="0.15">
      <c r="A49" s="135"/>
      <c r="B49" s="114" t="s">
        <v>202</v>
      </c>
      <c r="C49" s="135"/>
      <c r="D49" s="135"/>
      <c r="E49" s="135"/>
      <c r="F49" s="135"/>
      <c r="G49" s="135"/>
      <c r="H49" s="135"/>
      <c r="I49" s="135"/>
      <c r="J49" s="135"/>
      <c r="K49" s="135"/>
      <c r="L49" s="135"/>
      <c r="M49" s="135"/>
      <c r="N49" s="135"/>
      <c r="O49" s="135"/>
      <c r="P49" s="135"/>
      <c r="Q49" s="135"/>
    </row>
    <row r="50" spans="1:19" s="90" customFormat="1" ht="20.25" customHeight="1" x14ac:dyDescent="0.15">
      <c r="A50" s="135"/>
      <c r="B50" s="135"/>
      <c r="C50" s="135"/>
      <c r="D50" s="135"/>
      <c r="E50" s="135"/>
      <c r="F50" s="135"/>
      <c r="G50" s="135"/>
      <c r="H50" s="135"/>
      <c r="I50" s="135"/>
      <c r="J50" s="135"/>
      <c r="K50" s="135"/>
      <c r="L50" s="135"/>
      <c r="M50" s="135"/>
      <c r="N50" s="135"/>
      <c r="O50" s="135"/>
      <c r="P50" s="135"/>
      <c r="Q50" s="135"/>
    </row>
    <row r="51" spans="1:19" s="90" customFormat="1" ht="20.25" customHeight="1" x14ac:dyDescent="0.15">
      <c r="A51" s="135"/>
      <c r="B51" s="114" t="s">
        <v>203</v>
      </c>
      <c r="C51" s="135"/>
      <c r="D51" s="135"/>
      <c r="E51" s="135"/>
      <c r="F51" s="135"/>
      <c r="G51" s="135"/>
      <c r="H51" s="135"/>
      <c r="I51" s="135"/>
      <c r="J51" s="135"/>
      <c r="K51" s="135"/>
      <c r="L51" s="135"/>
      <c r="M51" s="135"/>
      <c r="N51" s="135"/>
      <c r="O51" s="135"/>
      <c r="P51" s="135"/>
      <c r="Q51" s="135"/>
    </row>
    <row r="52" spans="1:19" s="90" customFormat="1" ht="20.25" customHeight="1" x14ac:dyDescent="0.15">
      <c r="A52" s="135"/>
      <c r="B52" s="114" t="s">
        <v>204</v>
      </c>
      <c r="C52" s="135"/>
      <c r="D52" s="135"/>
      <c r="E52" s="135"/>
      <c r="F52" s="135"/>
      <c r="G52" s="135"/>
      <c r="H52" s="135"/>
      <c r="I52" s="135"/>
      <c r="J52" s="135"/>
      <c r="K52" s="135"/>
      <c r="L52" s="135"/>
      <c r="M52" s="135"/>
      <c r="N52" s="135"/>
      <c r="O52" s="135"/>
      <c r="P52" s="135"/>
      <c r="Q52" s="135"/>
    </row>
    <row r="53" spans="1:19" s="90" customFormat="1" ht="20.25" customHeight="1" x14ac:dyDescent="0.15">
      <c r="A53" s="135"/>
      <c r="B53" s="114" t="s">
        <v>205</v>
      </c>
      <c r="C53" s="135"/>
      <c r="D53" s="135"/>
      <c r="E53" s="135"/>
      <c r="F53" s="135"/>
      <c r="G53" s="135"/>
      <c r="H53" s="135"/>
      <c r="I53" s="135"/>
      <c r="J53" s="135"/>
      <c r="K53" s="135"/>
      <c r="L53" s="135"/>
      <c r="M53" s="135"/>
      <c r="N53" s="135"/>
      <c r="O53" s="135"/>
      <c r="P53" s="135"/>
      <c r="Q53" s="135"/>
    </row>
    <row r="54" spans="1:19" s="90" customFormat="1" ht="45.75" customHeight="1" x14ac:dyDescent="0.15">
      <c r="A54" s="135"/>
      <c r="B54" s="427" t="s">
        <v>206</v>
      </c>
      <c r="C54" s="427"/>
      <c r="D54" s="427"/>
      <c r="E54" s="427"/>
      <c r="F54" s="427"/>
      <c r="G54" s="427"/>
      <c r="H54" s="427"/>
      <c r="I54" s="427"/>
      <c r="J54" s="427"/>
      <c r="K54" s="427"/>
      <c r="L54" s="427"/>
      <c r="M54" s="427"/>
      <c r="N54" s="427"/>
      <c r="O54" s="427"/>
      <c r="P54" s="427"/>
      <c r="Q54" s="427"/>
      <c r="S54" s="98"/>
    </row>
    <row r="55" spans="1:19" s="90" customFormat="1" ht="20.25" customHeight="1" x14ac:dyDescent="0.15">
      <c r="A55" s="135"/>
      <c r="B55" s="426" t="s">
        <v>207</v>
      </c>
      <c r="C55" s="426"/>
      <c r="D55" s="426"/>
      <c r="E55" s="426"/>
      <c r="F55" s="426"/>
      <c r="G55" s="426"/>
      <c r="H55" s="135"/>
      <c r="I55" s="135"/>
      <c r="J55" s="135"/>
      <c r="K55" s="135"/>
      <c r="L55" s="135"/>
      <c r="M55" s="135"/>
      <c r="N55" s="135"/>
      <c r="O55" s="135"/>
      <c r="P55" s="135"/>
      <c r="Q55" s="135"/>
      <c r="S55" s="98"/>
    </row>
    <row r="56" spans="1:19" s="90" customFormat="1" ht="20.25" customHeight="1" x14ac:dyDescent="0.15">
      <c r="A56" s="135"/>
      <c r="B56" s="114" t="s">
        <v>208</v>
      </c>
      <c r="C56" s="263"/>
      <c r="D56" s="263"/>
      <c r="E56" s="263"/>
      <c r="F56" s="135"/>
      <c r="G56" s="135"/>
      <c r="H56" s="135"/>
      <c r="I56" s="135"/>
      <c r="J56" s="135"/>
      <c r="K56" s="135"/>
      <c r="L56" s="135"/>
      <c r="M56" s="135"/>
      <c r="N56" s="135"/>
      <c r="O56" s="135"/>
      <c r="P56" s="135"/>
      <c r="Q56" s="135"/>
      <c r="S56" s="98"/>
    </row>
    <row r="57" spans="1:19" s="90" customFormat="1" ht="20.25" customHeight="1" x14ac:dyDescent="0.15">
      <c r="A57" s="135"/>
      <c r="B57" s="114" t="s">
        <v>209</v>
      </c>
      <c r="C57" s="263"/>
      <c r="D57" s="263"/>
      <c r="E57" s="263"/>
      <c r="F57" s="135"/>
      <c r="G57" s="135"/>
      <c r="H57" s="135"/>
      <c r="I57" s="135"/>
      <c r="J57" s="135"/>
      <c r="K57" s="135"/>
      <c r="L57" s="135"/>
      <c r="M57" s="135"/>
      <c r="N57" s="135"/>
      <c r="O57" s="135"/>
      <c r="P57" s="135"/>
      <c r="Q57" s="135"/>
      <c r="S57" s="98"/>
    </row>
    <row r="58" spans="1:19" s="90" customFormat="1" ht="35.25" customHeight="1" x14ac:dyDescent="0.15">
      <c r="A58" s="135"/>
      <c r="B58" s="427" t="s">
        <v>210</v>
      </c>
      <c r="C58" s="427"/>
      <c r="D58" s="427"/>
      <c r="E58" s="427"/>
      <c r="F58" s="427"/>
      <c r="G58" s="427"/>
      <c r="H58" s="427"/>
      <c r="I58" s="427"/>
      <c r="J58" s="427"/>
      <c r="K58" s="427"/>
      <c r="L58" s="427"/>
      <c r="M58" s="427"/>
      <c r="N58" s="427"/>
      <c r="O58" s="427"/>
      <c r="P58" s="427"/>
      <c r="Q58" s="427"/>
      <c r="S58" s="98"/>
    </row>
    <row r="59" spans="1:19" s="90" customFormat="1" ht="20.25" customHeight="1" x14ac:dyDescent="0.15">
      <c r="A59" s="135"/>
      <c r="B59" s="418" t="s">
        <v>211</v>
      </c>
      <c r="C59" s="418"/>
      <c r="D59" s="418"/>
      <c r="E59" s="418"/>
      <c r="F59" s="418"/>
      <c r="G59" s="418"/>
      <c r="H59" s="418"/>
      <c r="I59" s="418"/>
      <c r="J59" s="418"/>
      <c r="K59" s="418"/>
      <c r="L59" s="418"/>
      <c r="M59" s="418"/>
      <c r="N59" s="135"/>
      <c r="O59" s="135"/>
      <c r="P59" s="135"/>
      <c r="Q59" s="135"/>
      <c r="S59" s="98"/>
    </row>
    <row r="60" spans="1:19" s="90" customFormat="1" ht="20.25" customHeight="1" x14ac:dyDescent="0.15">
      <c r="A60" s="135"/>
      <c r="B60" s="426" t="s">
        <v>212</v>
      </c>
      <c r="C60" s="426"/>
      <c r="D60" s="426"/>
      <c r="E60" s="426"/>
      <c r="F60" s="426"/>
      <c r="G60" s="426"/>
      <c r="H60" s="135"/>
      <c r="I60" s="135"/>
      <c r="J60" s="135"/>
      <c r="K60" s="135"/>
      <c r="L60" s="135"/>
      <c r="M60" s="135"/>
      <c r="N60" s="135"/>
      <c r="O60" s="135"/>
      <c r="P60" s="135"/>
      <c r="Q60" s="135"/>
      <c r="S60" s="98"/>
    </row>
    <row r="61" spans="1:19" ht="20.25" customHeight="1" x14ac:dyDescent="0.15">
      <c r="A61" s="259"/>
      <c r="B61" s="114" t="s">
        <v>213</v>
      </c>
      <c r="C61" s="260"/>
      <c r="D61" s="260"/>
      <c r="E61" s="260"/>
      <c r="F61" s="260"/>
      <c r="G61" s="260"/>
      <c r="H61" s="260"/>
      <c r="I61" s="260"/>
      <c r="J61" s="260"/>
      <c r="K61" s="260"/>
      <c r="L61" s="101"/>
      <c r="M61" s="101"/>
      <c r="N61" s="101"/>
      <c r="O61" s="101"/>
      <c r="P61" s="101"/>
      <c r="Q61" s="101"/>
    </row>
    <row r="62" spans="1:19" s="90" customFormat="1" ht="20.25" customHeight="1" x14ac:dyDescent="0.15">
      <c r="A62" s="135"/>
      <c r="B62" s="426" t="s">
        <v>214</v>
      </c>
      <c r="C62" s="426"/>
      <c r="D62" s="426"/>
      <c r="E62" s="426"/>
      <c r="F62" s="426"/>
      <c r="G62" s="426"/>
      <c r="H62" s="135"/>
      <c r="I62" s="135"/>
      <c r="J62" s="135"/>
      <c r="K62" s="135"/>
      <c r="L62" s="135"/>
      <c r="M62" s="135"/>
      <c r="N62" s="135"/>
      <c r="O62" s="135"/>
      <c r="P62" s="135"/>
      <c r="Q62" s="135"/>
      <c r="S62" s="98"/>
    </row>
    <row r="63" spans="1:19" s="90" customFormat="1" ht="20.25" customHeight="1" x14ac:dyDescent="0.15">
      <c r="A63" s="135"/>
      <c r="B63" s="426" t="s">
        <v>215</v>
      </c>
      <c r="C63" s="426"/>
      <c r="D63" s="426"/>
      <c r="E63" s="426"/>
      <c r="F63" s="426"/>
      <c r="G63" s="426"/>
      <c r="H63" s="135"/>
      <c r="I63" s="135"/>
      <c r="J63" s="135"/>
      <c r="K63" s="135"/>
      <c r="L63" s="135"/>
      <c r="M63" s="135"/>
      <c r="N63" s="135"/>
      <c r="O63" s="135"/>
      <c r="P63" s="135"/>
      <c r="Q63" s="135"/>
      <c r="S63" s="98"/>
    </row>
    <row r="64" spans="1:19" s="90" customFormat="1" ht="20.25" customHeight="1" x14ac:dyDescent="0.15">
      <c r="A64" s="135"/>
      <c r="B64" s="426" t="s">
        <v>216</v>
      </c>
      <c r="C64" s="426"/>
      <c r="D64" s="426"/>
      <c r="E64" s="426"/>
      <c r="F64" s="426"/>
      <c r="G64" s="426"/>
      <c r="H64" s="135"/>
      <c r="I64" s="135"/>
      <c r="J64" s="135"/>
      <c r="K64" s="135"/>
      <c r="L64" s="135"/>
      <c r="M64" s="135"/>
      <c r="N64" s="135"/>
      <c r="O64" s="135"/>
      <c r="P64" s="135"/>
      <c r="Q64" s="135"/>
      <c r="S64" s="98"/>
    </row>
    <row r="65" spans="1:19" s="90" customFormat="1" ht="20.25" customHeight="1" x14ac:dyDescent="0.15">
      <c r="A65" s="135"/>
      <c r="B65" s="426" t="s">
        <v>217</v>
      </c>
      <c r="C65" s="426"/>
      <c r="D65" s="426"/>
      <c r="E65" s="426"/>
      <c r="F65" s="426"/>
      <c r="G65" s="426"/>
      <c r="H65" s="135"/>
      <c r="I65" s="135"/>
      <c r="J65" s="135"/>
      <c r="K65" s="135"/>
      <c r="L65" s="135"/>
      <c r="M65" s="135"/>
      <c r="N65" s="135"/>
      <c r="O65" s="135"/>
      <c r="P65" s="135"/>
      <c r="Q65" s="135"/>
      <c r="S65" s="98"/>
    </row>
    <row r="66" spans="1:19" s="90" customFormat="1" ht="20.25" customHeight="1" x14ac:dyDescent="0.15">
      <c r="A66" s="135"/>
      <c r="B66" s="426" t="s">
        <v>218</v>
      </c>
      <c r="C66" s="426"/>
      <c r="D66" s="426"/>
      <c r="E66" s="426"/>
      <c r="F66" s="426"/>
      <c r="G66" s="426"/>
      <c r="H66" s="426"/>
      <c r="I66" s="426"/>
      <c r="J66" s="426"/>
      <c r="K66" s="426"/>
      <c r="L66" s="426"/>
      <c r="M66" s="426"/>
      <c r="N66" s="426"/>
      <c r="O66" s="426"/>
      <c r="P66" s="426"/>
      <c r="Q66" s="426"/>
      <c r="S66" s="98"/>
    </row>
    <row r="67" spans="1:19" s="90" customFormat="1" ht="20.25" customHeight="1" x14ac:dyDescent="0.15">
      <c r="A67" s="135"/>
      <c r="B67" s="426" t="s">
        <v>219</v>
      </c>
      <c r="C67" s="426"/>
      <c r="D67" s="426"/>
      <c r="E67" s="426"/>
      <c r="F67" s="426"/>
      <c r="G67" s="426"/>
      <c r="H67" s="426"/>
      <c r="I67" s="426"/>
      <c r="J67" s="426"/>
      <c r="K67" s="426"/>
      <c r="L67" s="426"/>
      <c r="M67" s="426"/>
      <c r="N67" s="426"/>
      <c r="O67" s="426"/>
      <c r="P67" s="426"/>
      <c r="Q67" s="426"/>
      <c r="S67" s="98"/>
    </row>
    <row r="68" spans="1:19" s="90" customFormat="1" ht="20.25" customHeight="1" x14ac:dyDescent="0.15">
      <c r="A68" s="135"/>
      <c r="B68" s="426" t="s">
        <v>220</v>
      </c>
      <c r="C68" s="426"/>
      <c r="D68" s="426"/>
      <c r="E68" s="426"/>
      <c r="F68" s="426"/>
      <c r="G68" s="426"/>
      <c r="H68" s="426"/>
      <c r="I68" s="426"/>
      <c r="J68" s="426"/>
      <c r="K68" s="426"/>
      <c r="L68" s="426"/>
      <c r="M68" s="426"/>
      <c r="N68" s="426"/>
      <c r="O68" s="426"/>
      <c r="P68" s="426"/>
      <c r="Q68" s="426"/>
      <c r="S68" s="98"/>
    </row>
    <row r="69" spans="1:19" s="90" customFormat="1" ht="20.25" customHeight="1" x14ac:dyDescent="0.15">
      <c r="A69" s="135"/>
      <c r="B69" s="114" t="s">
        <v>221</v>
      </c>
      <c r="C69" s="135"/>
      <c r="D69" s="135"/>
      <c r="E69" s="135"/>
      <c r="F69" s="135"/>
      <c r="G69" s="135"/>
      <c r="H69" s="135"/>
      <c r="I69" s="135"/>
      <c r="J69" s="135"/>
      <c r="K69" s="135"/>
      <c r="L69" s="135"/>
      <c r="M69" s="135"/>
      <c r="N69" s="135"/>
      <c r="O69" s="135"/>
      <c r="P69" s="135"/>
      <c r="Q69" s="135"/>
    </row>
    <row r="70" spans="1:19" s="97" customFormat="1" ht="20.25" customHeight="1" x14ac:dyDescent="0.15">
      <c r="A70" s="109"/>
      <c r="B70" s="114" t="s">
        <v>222</v>
      </c>
      <c r="C70" s="135"/>
      <c r="D70" s="135"/>
      <c r="E70" s="135"/>
      <c r="F70" s="133"/>
      <c r="G70" s="133"/>
      <c r="H70" s="133"/>
      <c r="I70" s="133"/>
      <c r="J70" s="133"/>
      <c r="K70" s="133"/>
      <c r="L70" s="133"/>
      <c r="M70" s="133"/>
      <c r="N70" s="133"/>
      <c r="O70" s="133"/>
      <c r="P70" s="133"/>
      <c r="Q70" s="133"/>
    </row>
    <row r="71" spans="1:19" s="97" customFormat="1" ht="20.25" customHeight="1" x14ac:dyDescent="0.15">
      <c r="A71" s="109"/>
      <c r="B71" s="114" t="s">
        <v>223</v>
      </c>
      <c r="C71" s="135"/>
      <c r="D71" s="135"/>
      <c r="E71" s="135"/>
      <c r="F71" s="133"/>
      <c r="G71" s="133"/>
      <c r="H71" s="133"/>
      <c r="I71" s="133"/>
      <c r="J71" s="133"/>
      <c r="K71" s="133"/>
      <c r="L71" s="133"/>
      <c r="M71" s="133"/>
      <c r="N71" s="133"/>
      <c r="O71" s="133"/>
      <c r="P71" s="133"/>
      <c r="Q71" s="133"/>
    </row>
    <row r="72" spans="1:19" ht="20.25" customHeight="1" x14ac:dyDescent="0.15">
      <c r="A72" s="259"/>
      <c r="B72" s="114" t="s">
        <v>224</v>
      </c>
      <c r="C72" s="133"/>
      <c r="D72" s="133"/>
      <c r="E72" s="133"/>
      <c r="F72" s="260"/>
      <c r="G72" s="260"/>
      <c r="H72" s="260"/>
      <c r="I72" s="260"/>
      <c r="J72" s="260"/>
      <c r="K72" s="260"/>
      <c r="L72" s="101"/>
      <c r="M72" s="101"/>
      <c r="N72" s="101"/>
      <c r="O72" s="101"/>
      <c r="P72" s="101"/>
      <c r="Q72" s="101"/>
    </row>
    <row r="73" spans="1:19" ht="20.25" customHeight="1" x14ac:dyDescent="0.15">
      <c r="A73" s="259"/>
      <c r="B73" s="114"/>
      <c r="C73" s="133"/>
      <c r="D73" s="133"/>
      <c r="E73" s="133"/>
      <c r="F73" s="260"/>
      <c r="G73" s="260"/>
      <c r="H73" s="260"/>
      <c r="I73" s="260"/>
      <c r="J73" s="260"/>
      <c r="K73" s="260"/>
      <c r="L73" s="101"/>
      <c r="M73" s="101"/>
      <c r="N73" s="101"/>
      <c r="O73" s="101"/>
      <c r="P73" s="101"/>
      <c r="Q73" s="101"/>
    </row>
    <row r="74" spans="1:19" ht="20.25" customHeight="1" x14ac:dyDescent="0.15">
      <c r="A74" s="105"/>
      <c r="B74" s="262" t="s">
        <v>225</v>
      </c>
      <c r="C74" s="133"/>
      <c r="D74" s="133"/>
      <c r="E74" s="133"/>
      <c r="F74" s="101"/>
      <c r="G74" s="101"/>
      <c r="H74" s="101"/>
      <c r="I74" s="101"/>
      <c r="J74" s="101"/>
      <c r="K74" s="101"/>
      <c r="L74" s="101"/>
      <c r="M74" s="101"/>
      <c r="N74" s="101"/>
      <c r="O74" s="101"/>
      <c r="P74" s="101"/>
      <c r="Q74" s="101"/>
    </row>
    <row r="75" spans="1:19" ht="20.25" customHeight="1" x14ac:dyDescent="0.15">
      <c r="A75" s="105"/>
      <c r="B75" s="101"/>
      <c r="C75" s="260"/>
      <c r="D75" s="260"/>
      <c r="E75" s="260"/>
      <c r="F75" s="101"/>
      <c r="G75" s="101"/>
      <c r="H75" s="101"/>
      <c r="I75" s="101"/>
      <c r="J75" s="101"/>
      <c r="K75" s="101"/>
      <c r="L75" s="101"/>
      <c r="M75" s="101"/>
      <c r="N75" s="101"/>
      <c r="O75" s="101"/>
      <c r="P75" s="101"/>
      <c r="Q75" s="101"/>
    </row>
    <row r="76" spans="1:19" ht="20.25" customHeight="1" x14ac:dyDescent="0.15">
      <c r="A76" s="105"/>
      <c r="B76" s="114" t="s">
        <v>226</v>
      </c>
      <c r="C76" s="101"/>
      <c r="D76" s="101"/>
      <c r="E76" s="101"/>
      <c r="F76" s="101"/>
      <c r="G76" s="101"/>
      <c r="H76" s="101"/>
      <c r="I76" s="101"/>
      <c r="J76" s="101"/>
      <c r="K76" s="101"/>
      <c r="L76" s="101"/>
      <c r="M76" s="101"/>
      <c r="N76" s="101"/>
      <c r="O76" s="101"/>
      <c r="P76" s="101"/>
      <c r="Q76" s="101"/>
    </row>
    <row r="77" spans="1:19" ht="20.25" customHeight="1" x14ac:dyDescent="0.15">
      <c r="A77" s="105"/>
      <c r="B77" s="101"/>
      <c r="C77" s="101"/>
      <c r="D77" s="101"/>
      <c r="E77" s="101"/>
      <c r="F77" s="101"/>
      <c r="G77" s="101"/>
      <c r="H77" s="101"/>
      <c r="I77" s="101"/>
      <c r="J77" s="101"/>
      <c r="K77" s="101"/>
      <c r="L77" s="101"/>
      <c r="M77" s="101"/>
      <c r="N77" s="101"/>
      <c r="O77" s="101"/>
      <c r="P77" s="101"/>
      <c r="Q77" s="101"/>
    </row>
    <row r="78" spans="1:19" ht="20.25" customHeight="1" x14ac:dyDescent="0.15">
      <c r="A78" s="105"/>
      <c r="B78" s="101"/>
      <c r="C78" s="101"/>
      <c r="D78" s="101"/>
      <c r="E78" s="101"/>
      <c r="F78" s="101"/>
      <c r="G78" s="101"/>
      <c r="H78" s="101"/>
      <c r="I78" s="101"/>
      <c r="J78" s="101"/>
      <c r="K78" s="101"/>
      <c r="L78" s="101"/>
      <c r="M78" s="101"/>
      <c r="N78" s="101"/>
      <c r="O78" s="101"/>
      <c r="P78" s="101"/>
      <c r="Q78" s="101"/>
    </row>
    <row r="79" spans="1:19" ht="20.25" customHeight="1" x14ac:dyDescent="0.15">
      <c r="A79" s="105"/>
      <c r="B79" s="101"/>
      <c r="C79" s="101"/>
      <c r="D79" s="101"/>
      <c r="E79" s="101"/>
      <c r="F79" s="101"/>
      <c r="G79" s="101"/>
      <c r="H79" s="101"/>
      <c r="I79" s="101"/>
      <c r="J79" s="101"/>
      <c r="K79" s="101"/>
      <c r="L79" s="101"/>
      <c r="M79" s="101"/>
      <c r="N79" s="101"/>
      <c r="O79" s="101"/>
      <c r="P79" s="101"/>
      <c r="Q79" s="101"/>
    </row>
    <row r="88" spans="12:12" ht="20.25" customHeight="1" x14ac:dyDescent="0.15">
      <c r="L88" s="88"/>
    </row>
    <row r="122" spans="1:32" ht="20.25" customHeight="1" x14ac:dyDescent="0.15">
      <c r="A122" s="93"/>
      <c r="B122" s="8"/>
      <c r="C122" s="8"/>
      <c r="D122" s="8"/>
      <c r="E122" s="8"/>
      <c r="F122" s="8"/>
      <c r="G122" s="8"/>
      <c r="H122" s="8"/>
      <c r="I122" s="8"/>
      <c r="J122" s="8"/>
      <c r="K122" s="8"/>
      <c r="L122" s="8"/>
      <c r="M122" s="8"/>
      <c r="N122" s="8"/>
      <c r="O122" s="8"/>
      <c r="P122" s="8"/>
      <c r="Q122" s="8"/>
      <c r="R122" s="8"/>
      <c r="S122" s="8"/>
      <c r="T122" s="8"/>
      <c r="U122" s="8"/>
      <c r="V122" s="8"/>
      <c r="W122" s="8"/>
      <c r="X122" s="8"/>
      <c r="Y122" s="8"/>
      <c r="Z122" s="8"/>
      <c r="AA122" s="8"/>
      <c r="AB122" s="8"/>
      <c r="AC122" s="8"/>
      <c r="AD122" s="8"/>
      <c r="AE122" s="8"/>
      <c r="AF122" s="8"/>
    </row>
    <row r="123" spans="1:32" ht="20.25" customHeight="1" x14ac:dyDescent="0.15">
      <c r="C123" s="7"/>
    </row>
    <row r="151" spans="1:32" ht="20.25" customHeight="1" x14ac:dyDescent="0.15">
      <c r="A151" s="93"/>
      <c r="B151" s="8"/>
      <c r="C151" s="8"/>
      <c r="D151" s="8"/>
      <c r="E151" s="8"/>
      <c r="F151" s="8"/>
      <c r="G151" s="8"/>
      <c r="H151" s="8"/>
      <c r="I151" s="8"/>
      <c r="J151" s="8"/>
      <c r="K151" s="8"/>
      <c r="L151" s="8"/>
      <c r="M151" s="8"/>
      <c r="N151" s="8"/>
      <c r="O151" s="8"/>
      <c r="P151" s="8"/>
      <c r="Q151" s="8"/>
      <c r="R151" s="8"/>
      <c r="S151" s="8"/>
      <c r="T151" s="8"/>
      <c r="U151" s="8"/>
      <c r="V151" s="8"/>
      <c r="W151" s="8"/>
      <c r="X151" s="8"/>
      <c r="Y151" s="8"/>
      <c r="Z151" s="8"/>
      <c r="AA151" s="8"/>
      <c r="AB151" s="8"/>
      <c r="AC151" s="8"/>
      <c r="AD151" s="8"/>
      <c r="AE151" s="8"/>
      <c r="AF151" s="8"/>
    </row>
    <row r="182" spans="1:32" ht="20.25" customHeight="1" x14ac:dyDescent="0.15">
      <c r="H182" s="94"/>
    </row>
    <row r="183" spans="1:32" ht="20.25" customHeight="1" x14ac:dyDescent="0.15">
      <c r="H183" s="94"/>
    </row>
    <row r="184" spans="1:32" ht="20.25" customHeight="1" x14ac:dyDescent="0.15">
      <c r="H184" s="94"/>
    </row>
    <row r="185" spans="1:32" ht="20.25" customHeight="1" x14ac:dyDescent="0.15">
      <c r="H185" s="94"/>
    </row>
    <row r="186" spans="1:32" ht="20.25" customHeight="1" x14ac:dyDescent="0.15">
      <c r="H186" s="94"/>
    </row>
    <row r="187" spans="1:32" ht="20.25" customHeight="1" x14ac:dyDescent="0.15">
      <c r="A187" s="89"/>
      <c r="B187" s="8"/>
      <c r="C187" s="8"/>
      <c r="D187" s="8"/>
      <c r="E187" s="8"/>
      <c r="F187" s="8"/>
      <c r="G187" s="92"/>
      <c r="H187" s="96"/>
      <c r="I187" s="86"/>
      <c r="J187" s="8"/>
      <c r="K187" s="8"/>
      <c r="L187" s="8"/>
      <c r="M187" s="8"/>
      <c r="N187" s="8"/>
      <c r="O187" s="8"/>
      <c r="P187" s="8"/>
      <c r="Q187" s="8"/>
      <c r="R187" s="8"/>
      <c r="S187" s="8"/>
      <c r="T187" s="8"/>
      <c r="U187" s="8"/>
      <c r="V187" s="8"/>
      <c r="W187" s="8"/>
      <c r="X187" s="8"/>
      <c r="Y187" s="8"/>
      <c r="Z187" s="8"/>
      <c r="AA187" s="8"/>
      <c r="AB187" s="8"/>
      <c r="AC187" s="8"/>
      <c r="AD187" s="8"/>
      <c r="AE187" s="8"/>
      <c r="AF187" s="92"/>
    </row>
    <row r="212" spans="29:32" ht="20.25" customHeight="1" x14ac:dyDescent="0.15">
      <c r="AC212" s="87"/>
      <c r="AF212" s="91"/>
    </row>
    <row r="213" spans="29:32" ht="20.25" customHeight="1" x14ac:dyDescent="0.15">
      <c r="AC213" s="87"/>
      <c r="AF213" s="91"/>
    </row>
    <row r="214" spans="29:32" ht="20.25" customHeight="1" x14ac:dyDescent="0.15">
      <c r="AC214" s="87"/>
      <c r="AF214" s="91"/>
    </row>
    <row r="215" spans="29:32" ht="20.25" customHeight="1" x14ac:dyDescent="0.15">
      <c r="AC215" s="87"/>
      <c r="AF215" s="91"/>
    </row>
    <row r="216" spans="29:32" ht="20.25" customHeight="1" x14ac:dyDescent="0.15">
      <c r="AC216" s="87"/>
      <c r="AF216" s="91"/>
    </row>
    <row r="217" spans="29:32" ht="20.25" customHeight="1" x14ac:dyDescent="0.15">
      <c r="AC217" s="87"/>
      <c r="AF217" s="91"/>
    </row>
    <row r="218" spans="29:32" ht="20.25" customHeight="1" x14ac:dyDescent="0.15">
      <c r="AC218" s="87"/>
      <c r="AF218" s="91"/>
    </row>
    <row r="219" spans="29:32" ht="20.25" customHeight="1" x14ac:dyDescent="0.15">
      <c r="AC219" s="87"/>
      <c r="AF219" s="91"/>
    </row>
    <row r="220" spans="29:32" ht="20.25" customHeight="1" x14ac:dyDescent="0.15">
      <c r="AC220" s="87"/>
      <c r="AF220" s="91"/>
    </row>
    <row r="221" spans="29:32" ht="20.25" customHeight="1" x14ac:dyDescent="0.15">
      <c r="AC221" s="87"/>
      <c r="AF221" s="91"/>
    </row>
    <row r="222" spans="29:32" ht="20.25" customHeight="1" x14ac:dyDescent="0.15">
      <c r="AC222" s="87"/>
      <c r="AF222" s="91"/>
    </row>
    <row r="223" spans="29:32" ht="20.25" customHeight="1" x14ac:dyDescent="0.15">
      <c r="AC223" s="87"/>
      <c r="AF223" s="91"/>
    </row>
    <row r="224" spans="29:32" ht="20.25" customHeight="1" x14ac:dyDescent="0.15">
      <c r="AC224" s="87"/>
      <c r="AF224" s="91"/>
    </row>
    <row r="225" spans="1:32" ht="20.25" customHeight="1" x14ac:dyDescent="0.15">
      <c r="AC225" s="87"/>
      <c r="AF225" s="91"/>
    </row>
    <row r="226" spans="1:32" ht="20.25" customHeight="1" x14ac:dyDescent="0.15">
      <c r="AC226" s="87"/>
      <c r="AF226" s="91"/>
    </row>
    <row r="227" spans="1:32" ht="20.25" customHeight="1" x14ac:dyDescent="0.15">
      <c r="AC227" s="87"/>
      <c r="AF227" s="91"/>
    </row>
    <row r="228" spans="1:32" ht="20.25" customHeight="1" x14ac:dyDescent="0.15">
      <c r="AC228" s="87"/>
      <c r="AF228" s="91"/>
    </row>
    <row r="229" spans="1:32" ht="20.25" customHeight="1" x14ac:dyDescent="0.15">
      <c r="AC229" s="87"/>
      <c r="AF229" s="91"/>
    </row>
    <row r="230" spans="1:32" ht="20.25" customHeight="1" x14ac:dyDescent="0.15">
      <c r="AC230" s="87"/>
      <c r="AF230" s="91"/>
    </row>
    <row r="231" spans="1:32" ht="20.25" customHeight="1" x14ac:dyDescent="0.15">
      <c r="AC231" s="87"/>
      <c r="AF231" s="91"/>
    </row>
    <row r="232" spans="1:32" ht="20.25" customHeight="1" x14ac:dyDescent="0.15">
      <c r="AC232" s="87"/>
      <c r="AF232" s="91"/>
    </row>
    <row r="233" spans="1:32" ht="20.25" customHeight="1" x14ac:dyDescent="0.15">
      <c r="H233" s="94"/>
      <c r="AC233" s="87"/>
      <c r="AF233" s="91"/>
    </row>
    <row r="234" spans="1:32" ht="20.25" customHeight="1" x14ac:dyDescent="0.15">
      <c r="H234" s="94"/>
      <c r="AC234" s="87"/>
      <c r="AF234" s="91"/>
    </row>
    <row r="235" spans="1:32" ht="20.25" customHeight="1" x14ac:dyDescent="0.15">
      <c r="H235" s="94"/>
      <c r="AC235" s="87"/>
      <c r="AF235" s="91"/>
    </row>
    <row r="236" spans="1:32" ht="20.25" customHeight="1" x14ac:dyDescent="0.15">
      <c r="H236" s="94"/>
      <c r="AC236" s="87"/>
      <c r="AF236" s="91"/>
    </row>
    <row r="237" spans="1:32" ht="20.25" customHeight="1" x14ac:dyDescent="0.15">
      <c r="H237" s="94"/>
      <c r="AC237" s="87"/>
      <c r="AF237" s="91"/>
    </row>
    <row r="238" spans="1:32" ht="20.25" customHeight="1" x14ac:dyDescent="0.15">
      <c r="A238" s="89"/>
      <c r="B238" s="8"/>
      <c r="C238" s="8"/>
      <c r="D238" s="8"/>
      <c r="E238" s="8"/>
      <c r="F238" s="8"/>
      <c r="G238" s="92"/>
      <c r="H238" s="96"/>
      <c r="I238" s="86"/>
      <c r="J238" s="8"/>
      <c r="K238" s="8"/>
      <c r="L238" s="8"/>
      <c r="M238" s="8"/>
      <c r="N238" s="8"/>
      <c r="O238" s="8"/>
      <c r="P238" s="8"/>
      <c r="Q238" s="8"/>
      <c r="R238" s="8"/>
      <c r="S238" s="8"/>
      <c r="T238" s="8"/>
      <c r="U238" s="8"/>
      <c r="V238" s="8"/>
      <c r="W238" s="8"/>
      <c r="X238" s="8"/>
      <c r="Y238" s="8"/>
      <c r="Z238" s="8"/>
      <c r="AA238" s="8"/>
      <c r="AB238" s="92"/>
      <c r="AC238" s="86"/>
      <c r="AD238" s="8"/>
      <c r="AE238" s="8"/>
      <c r="AF238" s="92"/>
    </row>
    <row r="287" spans="1:32" ht="20.25" customHeight="1" x14ac:dyDescent="0.15">
      <c r="A287" s="89"/>
      <c r="B287" s="8"/>
      <c r="C287" s="8"/>
      <c r="D287" s="8"/>
      <c r="E287" s="8"/>
      <c r="F287" s="8"/>
      <c r="G287" s="8"/>
      <c r="H287" s="8"/>
      <c r="I287" s="8"/>
      <c r="J287" s="8"/>
      <c r="K287" s="8"/>
      <c r="L287" s="8"/>
      <c r="M287" s="8"/>
      <c r="N287" s="8"/>
      <c r="O287" s="8"/>
      <c r="P287" s="8"/>
      <c r="Q287" s="8"/>
      <c r="R287" s="8"/>
      <c r="S287" s="8"/>
      <c r="T287" s="8"/>
      <c r="U287" s="8"/>
      <c r="V287" s="8"/>
      <c r="W287" s="8"/>
      <c r="X287" s="8"/>
      <c r="Y287" s="8"/>
      <c r="Z287" s="8"/>
      <c r="AA287" s="8"/>
      <c r="AB287" s="8"/>
      <c r="AC287" s="8"/>
      <c r="AD287" s="8"/>
      <c r="AE287" s="8"/>
      <c r="AF287" s="8"/>
    </row>
    <row r="314" spans="1:32" ht="20.25" customHeight="1" x14ac:dyDescent="0.15">
      <c r="A314" s="93"/>
      <c r="B314" s="8"/>
      <c r="C314" s="8"/>
      <c r="D314" s="8"/>
      <c r="E314" s="8"/>
      <c r="F314" s="8"/>
      <c r="G314" s="8"/>
      <c r="H314" s="8"/>
      <c r="I314" s="8"/>
      <c r="J314" s="8"/>
      <c r="K314" s="8"/>
      <c r="L314" s="8"/>
      <c r="M314" s="8"/>
      <c r="N314" s="8"/>
      <c r="O314" s="8"/>
      <c r="P314" s="8"/>
      <c r="Q314" s="8"/>
      <c r="R314" s="8"/>
      <c r="S314" s="8"/>
      <c r="T314" s="8"/>
      <c r="U314" s="8"/>
      <c r="V314" s="8"/>
      <c r="W314" s="8"/>
      <c r="X314" s="8"/>
      <c r="Y314" s="8"/>
      <c r="Z314" s="8"/>
      <c r="AA314" s="8"/>
      <c r="AB314" s="8"/>
      <c r="AC314" s="8"/>
      <c r="AD314" s="8"/>
      <c r="AE314" s="8"/>
      <c r="AF314" s="8"/>
    </row>
    <row r="342" spans="29:32" ht="20.25" customHeight="1" x14ac:dyDescent="0.15">
      <c r="AC342" s="87"/>
      <c r="AF342" s="91"/>
    </row>
    <row r="343" spans="29:32" ht="20.25" customHeight="1" x14ac:dyDescent="0.15">
      <c r="AC343" s="87"/>
      <c r="AF343" s="91"/>
    </row>
    <row r="344" spans="29:32" ht="20.25" customHeight="1" x14ac:dyDescent="0.15">
      <c r="AC344" s="87"/>
      <c r="AF344" s="91"/>
    </row>
    <row r="345" spans="29:32" ht="20.25" customHeight="1" x14ac:dyDescent="0.15">
      <c r="AC345" s="87"/>
      <c r="AF345" s="91"/>
    </row>
    <row r="346" spans="29:32" ht="20.25" customHeight="1" x14ac:dyDescent="0.15">
      <c r="AC346" s="87"/>
      <c r="AF346" s="91"/>
    </row>
    <row r="347" spans="29:32" ht="20.25" customHeight="1" x14ac:dyDescent="0.15">
      <c r="AC347" s="87"/>
      <c r="AF347" s="91"/>
    </row>
    <row r="348" spans="29:32" ht="20.25" customHeight="1" x14ac:dyDescent="0.15">
      <c r="AC348" s="87"/>
      <c r="AF348" s="91"/>
    </row>
    <row r="349" spans="29:32" ht="20.25" customHeight="1" x14ac:dyDescent="0.15">
      <c r="AC349" s="87"/>
      <c r="AF349" s="91"/>
    </row>
    <row r="350" spans="29:32" ht="20.25" customHeight="1" x14ac:dyDescent="0.15">
      <c r="AC350" s="87"/>
      <c r="AF350" s="91"/>
    </row>
    <row r="351" spans="29:32" ht="20.25" customHeight="1" x14ac:dyDescent="0.15">
      <c r="AC351" s="87"/>
      <c r="AF351" s="91"/>
    </row>
    <row r="352" spans="29:32" ht="20.25" customHeight="1" x14ac:dyDescent="0.15">
      <c r="AC352" s="87"/>
      <c r="AF352" s="91"/>
    </row>
    <row r="353" spans="1:32" ht="20.25" customHeight="1" x14ac:dyDescent="0.15">
      <c r="AC353" s="87"/>
      <c r="AF353" s="91"/>
    </row>
    <row r="354" spans="1:32" ht="20.25" customHeight="1" x14ac:dyDescent="0.15">
      <c r="AC354" s="87"/>
      <c r="AF354" s="91"/>
    </row>
    <row r="355" spans="1:32" ht="20.25" customHeight="1" x14ac:dyDescent="0.15">
      <c r="AC355" s="87"/>
      <c r="AF355" s="91"/>
    </row>
    <row r="356" spans="1:32" ht="20.25" customHeight="1" x14ac:dyDescent="0.15">
      <c r="AC356" s="87"/>
      <c r="AF356" s="91"/>
    </row>
    <row r="357" spans="1:32" ht="20.25" customHeight="1" x14ac:dyDescent="0.15">
      <c r="AC357" s="87"/>
      <c r="AF357" s="91"/>
    </row>
    <row r="358" spans="1:32" ht="20.25" customHeight="1" x14ac:dyDescent="0.15">
      <c r="AC358" s="87"/>
      <c r="AF358" s="91"/>
    </row>
    <row r="359" spans="1:32" ht="20.25" customHeight="1" x14ac:dyDescent="0.15">
      <c r="H359" s="94"/>
      <c r="AC359" s="87"/>
      <c r="AF359" s="91"/>
    </row>
    <row r="360" spans="1:32" ht="20.25" customHeight="1" x14ac:dyDescent="0.15">
      <c r="H360" s="94"/>
      <c r="AC360" s="87"/>
      <c r="AF360" s="91"/>
    </row>
    <row r="361" spans="1:32" ht="20.25" customHeight="1" x14ac:dyDescent="0.15">
      <c r="H361" s="94"/>
      <c r="AC361" s="87"/>
      <c r="AF361" s="91"/>
    </row>
    <row r="362" spans="1:32" ht="20.25" customHeight="1" x14ac:dyDescent="0.15">
      <c r="H362" s="94"/>
      <c r="AC362" s="87"/>
      <c r="AF362" s="91"/>
    </row>
    <row r="363" spans="1:32" ht="20.25" customHeight="1" x14ac:dyDescent="0.15">
      <c r="H363" s="94"/>
      <c r="AC363" s="87"/>
      <c r="AF363" s="91"/>
    </row>
    <row r="364" spans="1:32" ht="20.25" customHeight="1" x14ac:dyDescent="0.15">
      <c r="A364" s="89"/>
      <c r="B364" s="8"/>
      <c r="C364" s="8"/>
      <c r="D364" s="8"/>
      <c r="E364" s="8"/>
      <c r="F364" s="8"/>
      <c r="G364" s="92"/>
      <c r="H364" s="96"/>
      <c r="I364" s="86"/>
      <c r="J364" s="8"/>
      <c r="K364" s="8"/>
      <c r="L364" s="8"/>
      <c r="M364" s="8"/>
      <c r="N364" s="8"/>
      <c r="O364" s="8"/>
      <c r="P364" s="8"/>
      <c r="Q364" s="8"/>
      <c r="R364" s="8"/>
      <c r="S364" s="8"/>
      <c r="T364" s="8"/>
      <c r="U364" s="8"/>
      <c r="V364" s="8"/>
      <c r="W364" s="8"/>
      <c r="X364" s="8"/>
      <c r="Y364" s="8"/>
      <c r="Z364" s="8"/>
      <c r="AA364" s="8"/>
      <c r="AB364" s="92"/>
      <c r="AC364" s="86"/>
      <c r="AD364" s="8"/>
      <c r="AE364" s="8"/>
      <c r="AF364" s="92"/>
    </row>
    <row r="388" spans="1:32" ht="20.25" customHeight="1" x14ac:dyDescent="0.15">
      <c r="A388" s="93"/>
      <c r="B388" s="8"/>
      <c r="C388" s="8"/>
      <c r="D388" s="8"/>
      <c r="E388" s="8"/>
      <c r="F388" s="8"/>
      <c r="G388" s="8"/>
      <c r="H388" s="8"/>
      <c r="I388" s="8"/>
      <c r="J388" s="8"/>
      <c r="K388" s="8"/>
      <c r="L388" s="8"/>
      <c r="M388" s="8"/>
      <c r="N388" s="8"/>
      <c r="O388" s="8"/>
      <c r="P388" s="8"/>
      <c r="Q388" s="8"/>
      <c r="R388" s="8"/>
      <c r="S388" s="8"/>
      <c r="T388" s="8"/>
      <c r="U388" s="8"/>
      <c r="V388" s="8"/>
      <c r="W388" s="8"/>
      <c r="X388" s="8"/>
      <c r="Y388" s="8"/>
      <c r="Z388" s="8"/>
      <c r="AA388" s="8"/>
      <c r="AB388" s="8"/>
      <c r="AC388" s="8"/>
      <c r="AD388" s="8"/>
      <c r="AE388" s="8"/>
      <c r="AF388" s="8"/>
    </row>
    <row r="416" spans="1:32" ht="20.25" customHeight="1" x14ac:dyDescent="0.15">
      <c r="A416" s="93"/>
      <c r="B416" s="8"/>
      <c r="C416" s="8"/>
      <c r="D416" s="8"/>
      <c r="E416" s="8"/>
      <c r="F416" s="8"/>
      <c r="G416" s="8"/>
      <c r="H416" s="8"/>
      <c r="I416" s="8"/>
      <c r="J416" s="8"/>
      <c r="K416" s="8"/>
      <c r="L416" s="8"/>
      <c r="M416" s="8"/>
      <c r="N416" s="8"/>
      <c r="O416" s="8"/>
      <c r="P416" s="8"/>
      <c r="Q416" s="8"/>
      <c r="R416" s="8"/>
      <c r="S416" s="8"/>
      <c r="T416" s="8"/>
      <c r="U416" s="8"/>
      <c r="V416" s="8"/>
      <c r="W416" s="8"/>
      <c r="X416" s="8"/>
      <c r="Y416" s="8"/>
      <c r="Z416" s="8"/>
      <c r="AA416" s="8"/>
      <c r="AB416" s="8"/>
      <c r="AC416" s="8"/>
      <c r="AD416" s="8"/>
      <c r="AE416" s="8"/>
      <c r="AF416" s="8"/>
    </row>
    <row r="444" spans="1:32" ht="20.25" customHeight="1" x14ac:dyDescent="0.15">
      <c r="A444" s="93"/>
      <c r="B444" s="8"/>
      <c r="C444" s="8"/>
      <c r="D444" s="8"/>
      <c r="E444" s="8"/>
      <c r="F444" s="8"/>
      <c r="G444" s="8"/>
      <c r="H444" s="8"/>
      <c r="I444" s="8"/>
      <c r="J444" s="8"/>
      <c r="K444" s="8"/>
      <c r="L444" s="8"/>
      <c r="M444" s="8"/>
      <c r="N444" s="8"/>
      <c r="O444" s="8"/>
      <c r="P444" s="8"/>
      <c r="Q444" s="8"/>
      <c r="R444" s="8"/>
      <c r="S444" s="8"/>
      <c r="T444" s="8"/>
      <c r="U444" s="8"/>
      <c r="V444" s="8"/>
      <c r="W444" s="8"/>
      <c r="X444" s="8"/>
      <c r="Y444" s="8"/>
      <c r="Z444" s="8"/>
      <c r="AA444" s="8"/>
      <c r="AB444" s="8"/>
      <c r="AC444" s="8"/>
      <c r="AD444" s="8"/>
      <c r="AE444" s="8"/>
      <c r="AF444" s="8"/>
    </row>
    <row r="468" spans="1:32" ht="20.25" customHeight="1" x14ac:dyDescent="0.15">
      <c r="A468" s="93"/>
      <c r="B468" s="8"/>
      <c r="C468" s="8"/>
      <c r="D468" s="8"/>
      <c r="E468" s="8"/>
      <c r="F468" s="8"/>
      <c r="G468" s="8"/>
      <c r="H468" s="8"/>
      <c r="I468" s="8"/>
      <c r="J468" s="8"/>
      <c r="K468" s="8"/>
      <c r="L468" s="8"/>
      <c r="M468" s="8"/>
      <c r="N468" s="8"/>
      <c r="O468" s="8"/>
      <c r="P468" s="8"/>
      <c r="Q468" s="8"/>
      <c r="R468" s="8"/>
      <c r="S468" s="8"/>
      <c r="T468" s="8"/>
      <c r="U468" s="8"/>
      <c r="V468" s="8"/>
      <c r="W468" s="8"/>
      <c r="X468" s="8"/>
      <c r="Y468" s="8"/>
      <c r="Z468" s="8"/>
      <c r="AA468" s="8"/>
      <c r="AB468" s="8"/>
      <c r="AC468" s="8"/>
      <c r="AD468" s="8"/>
      <c r="AE468" s="8"/>
      <c r="AF468" s="8"/>
    </row>
    <row r="497" spans="1:32" ht="20.25" customHeight="1" x14ac:dyDescent="0.15">
      <c r="A497" s="93"/>
      <c r="B497" s="8"/>
      <c r="C497" s="8"/>
      <c r="D497" s="8"/>
      <c r="E497" s="8"/>
      <c r="F497" s="8"/>
      <c r="G497" s="8"/>
      <c r="H497" s="8"/>
      <c r="I497" s="8"/>
      <c r="J497" s="8"/>
      <c r="K497" s="8"/>
      <c r="L497" s="8"/>
      <c r="M497" s="8"/>
      <c r="N497" s="8"/>
      <c r="O497" s="8"/>
      <c r="P497" s="8"/>
      <c r="Q497" s="8"/>
      <c r="R497" s="8"/>
      <c r="S497" s="8"/>
      <c r="T497" s="8"/>
      <c r="U497" s="8"/>
      <c r="V497" s="8"/>
      <c r="W497" s="8"/>
      <c r="X497" s="8"/>
      <c r="Y497" s="8"/>
      <c r="Z497" s="8"/>
      <c r="AA497" s="8"/>
      <c r="AB497" s="8"/>
      <c r="AC497" s="8"/>
      <c r="AD497" s="8"/>
      <c r="AE497" s="8"/>
      <c r="AF497" s="8"/>
    </row>
    <row r="526" spans="1:32" ht="20.25" customHeight="1" x14ac:dyDescent="0.15">
      <c r="A526" s="93"/>
      <c r="B526" s="8"/>
      <c r="C526" s="8"/>
      <c r="D526" s="8"/>
      <c r="E526" s="8"/>
      <c r="F526" s="8"/>
      <c r="G526" s="8"/>
      <c r="H526" s="8"/>
      <c r="I526" s="8"/>
      <c r="J526" s="8"/>
      <c r="K526" s="8"/>
      <c r="L526" s="8"/>
      <c r="M526" s="8"/>
      <c r="N526" s="8"/>
      <c r="O526" s="8"/>
      <c r="P526" s="8"/>
      <c r="Q526" s="8"/>
      <c r="R526" s="8"/>
      <c r="S526" s="8"/>
      <c r="T526" s="8"/>
      <c r="U526" s="8"/>
      <c r="V526" s="8"/>
      <c r="W526" s="8"/>
      <c r="X526" s="8"/>
      <c r="Y526" s="8"/>
      <c r="Z526" s="8"/>
      <c r="AA526" s="8"/>
      <c r="AB526" s="8"/>
      <c r="AC526" s="8"/>
      <c r="AD526" s="8"/>
      <c r="AE526" s="8"/>
      <c r="AF526" s="8"/>
    </row>
    <row r="570" spans="1:32" ht="20.25" customHeight="1" x14ac:dyDescent="0.15">
      <c r="H570" s="94"/>
    </row>
    <row r="571" spans="1:32" ht="20.25" customHeight="1" x14ac:dyDescent="0.15">
      <c r="H571" s="94"/>
    </row>
    <row r="572" spans="1:32" ht="20.25" customHeight="1" x14ac:dyDescent="0.15">
      <c r="H572" s="94"/>
    </row>
    <row r="573" spans="1:32" ht="20.25" customHeight="1" x14ac:dyDescent="0.15">
      <c r="H573" s="94"/>
    </row>
    <row r="574" spans="1:32" ht="20.25" customHeight="1" x14ac:dyDescent="0.15">
      <c r="H574" s="94"/>
    </row>
    <row r="575" spans="1:32" ht="20.25" customHeight="1" x14ac:dyDescent="0.15">
      <c r="A575" s="89"/>
      <c r="B575" s="8"/>
      <c r="C575" s="8"/>
      <c r="D575" s="8"/>
      <c r="E575" s="8"/>
      <c r="F575" s="8"/>
      <c r="G575" s="92"/>
      <c r="H575" s="96"/>
      <c r="I575" s="86"/>
      <c r="J575" s="8"/>
      <c r="K575" s="8"/>
      <c r="L575" s="8"/>
      <c r="M575" s="8"/>
      <c r="N575" s="8"/>
      <c r="O575" s="8"/>
      <c r="P575" s="8"/>
      <c r="Q575" s="8"/>
      <c r="R575" s="8"/>
      <c r="S575" s="8"/>
      <c r="T575" s="8"/>
      <c r="U575" s="8"/>
      <c r="V575" s="8"/>
      <c r="W575" s="8"/>
      <c r="X575" s="8"/>
      <c r="Y575" s="8"/>
      <c r="Z575" s="8"/>
      <c r="AA575" s="8"/>
      <c r="AB575" s="8"/>
      <c r="AC575" s="8"/>
      <c r="AD575" s="8"/>
      <c r="AE575" s="8"/>
      <c r="AF575" s="92"/>
    </row>
    <row r="596" spans="1:32" ht="20.25" customHeight="1" x14ac:dyDescent="0.15">
      <c r="AC596" s="87"/>
      <c r="AF596" s="91"/>
    </row>
    <row r="597" spans="1:32" ht="20.25" customHeight="1" x14ac:dyDescent="0.15">
      <c r="AC597" s="87"/>
      <c r="AF597" s="91"/>
    </row>
    <row r="598" spans="1:32" ht="20.25" customHeight="1" x14ac:dyDescent="0.15">
      <c r="AC598" s="87"/>
      <c r="AF598" s="91"/>
    </row>
    <row r="599" spans="1:32" ht="20.25" customHeight="1" x14ac:dyDescent="0.15">
      <c r="AC599" s="87"/>
      <c r="AF599" s="91"/>
    </row>
    <row r="600" spans="1:32" ht="20.25" customHeight="1" x14ac:dyDescent="0.15">
      <c r="AC600" s="87"/>
      <c r="AF600" s="91"/>
    </row>
    <row r="601" spans="1:32" ht="20.25" customHeight="1" x14ac:dyDescent="0.15">
      <c r="AC601" s="87"/>
      <c r="AF601" s="91"/>
    </row>
    <row r="602" spans="1:32" ht="20.25" customHeight="1" x14ac:dyDescent="0.15">
      <c r="AC602" s="87"/>
      <c r="AF602" s="91"/>
    </row>
    <row r="603" spans="1:32" ht="20.25" customHeight="1" x14ac:dyDescent="0.15">
      <c r="AC603" s="87"/>
      <c r="AF603" s="91"/>
    </row>
    <row r="604" spans="1:32" ht="20.25" customHeight="1" x14ac:dyDescent="0.15">
      <c r="AC604" s="87"/>
      <c r="AF604" s="91"/>
    </row>
    <row r="605" spans="1:32" ht="20.25" customHeight="1" x14ac:dyDescent="0.15">
      <c r="AC605" s="87"/>
      <c r="AF605" s="91"/>
    </row>
    <row r="606" spans="1:32" ht="20.25" customHeight="1" x14ac:dyDescent="0.15">
      <c r="A606" s="89"/>
      <c r="B606" s="8"/>
      <c r="C606" s="8"/>
      <c r="D606" s="8"/>
      <c r="E606" s="8"/>
      <c r="F606" s="8"/>
      <c r="G606" s="8"/>
      <c r="H606" s="8"/>
      <c r="I606" s="8"/>
      <c r="J606" s="8"/>
      <c r="K606" s="8"/>
      <c r="L606" s="8"/>
      <c r="M606" s="8"/>
      <c r="N606" s="8"/>
      <c r="O606" s="8"/>
      <c r="P606" s="8"/>
      <c r="Q606" s="8"/>
      <c r="R606" s="8"/>
      <c r="S606" s="8"/>
      <c r="T606" s="8"/>
      <c r="U606" s="8"/>
      <c r="V606" s="8"/>
      <c r="W606" s="8"/>
      <c r="X606" s="8"/>
      <c r="Y606" s="8"/>
      <c r="Z606" s="8"/>
      <c r="AA606" s="8"/>
      <c r="AB606" s="92"/>
      <c r="AC606" s="86"/>
      <c r="AD606" s="8"/>
      <c r="AE606" s="8"/>
      <c r="AF606" s="92"/>
    </row>
    <row r="645" spans="1:32" ht="20.25" customHeight="1" x14ac:dyDescent="0.15">
      <c r="H645" s="94"/>
    </row>
    <row r="646" spans="1:32" ht="20.25" customHeight="1" x14ac:dyDescent="0.15">
      <c r="H646" s="94"/>
    </row>
    <row r="647" spans="1:32" ht="20.25" customHeight="1" x14ac:dyDescent="0.15">
      <c r="H647" s="94"/>
    </row>
    <row r="648" spans="1:32" ht="20.25" customHeight="1" x14ac:dyDescent="0.15">
      <c r="H648" s="94"/>
    </row>
    <row r="649" spans="1:32" ht="20.25" customHeight="1" x14ac:dyDescent="0.15">
      <c r="H649" s="94"/>
    </row>
    <row r="650" spans="1:32" ht="20.25" customHeight="1" x14ac:dyDescent="0.15">
      <c r="A650" s="89"/>
      <c r="B650" s="8"/>
      <c r="C650" s="8"/>
      <c r="D650" s="8"/>
      <c r="E650" s="8"/>
      <c r="F650" s="8"/>
      <c r="G650" s="92"/>
      <c r="H650" s="96"/>
      <c r="I650" s="86"/>
      <c r="J650" s="8"/>
      <c r="K650" s="8"/>
      <c r="L650" s="8"/>
      <c r="M650" s="8"/>
      <c r="N650" s="8"/>
      <c r="O650" s="8"/>
      <c r="P650" s="8"/>
      <c r="Q650" s="8"/>
      <c r="R650" s="8"/>
      <c r="S650" s="8"/>
      <c r="T650" s="8"/>
      <c r="U650" s="8"/>
      <c r="V650" s="8"/>
      <c r="W650" s="8"/>
      <c r="X650" s="8"/>
      <c r="Y650" s="8"/>
      <c r="Z650" s="8"/>
      <c r="AA650" s="8"/>
      <c r="AB650" s="8"/>
      <c r="AC650" s="8"/>
      <c r="AD650" s="8"/>
      <c r="AE650" s="8"/>
      <c r="AF650" s="92"/>
    </row>
    <row r="686" spans="1:32" ht="20.25" customHeight="1" x14ac:dyDescent="0.15">
      <c r="A686" s="93"/>
      <c r="B686" s="8"/>
      <c r="C686" s="8"/>
      <c r="D686" s="8"/>
      <c r="E686" s="8"/>
      <c r="F686" s="8"/>
      <c r="G686" s="8"/>
      <c r="H686" s="8"/>
      <c r="I686" s="8"/>
      <c r="J686" s="8"/>
      <c r="K686" s="8"/>
      <c r="L686" s="8"/>
      <c r="M686" s="8"/>
      <c r="N686" s="8"/>
      <c r="O686" s="8"/>
      <c r="P686" s="8"/>
      <c r="Q686" s="8"/>
      <c r="R686" s="8"/>
      <c r="S686" s="8"/>
      <c r="T686" s="8"/>
      <c r="U686" s="8"/>
      <c r="V686" s="8"/>
      <c r="W686" s="8"/>
      <c r="X686" s="8"/>
      <c r="Y686" s="8"/>
      <c r="Z686" s="8"/>
      <c r="AA686" s="8"/>
      <c r="AB686" s="8"/>
      <c r="AC686" s="8"/>
      <c r="AD686" s="8"/>
      <c r="AE686" s="8"/>
      <c r="AF686" s="8"/>
    </row>
    <row r="687" spans="1:32" ht="20.25" customHeight="1" x14ac:dyDescent="0.15">
      <c r="AC687" s="87"/>
      <c r="AF687" s="91"/>
    </row>
    <row r="688" spans="1:32" ht="20.25" customHeight="1" x14ac:dyDescent="0.15">
      <c r="AC688" s="87"/>
      <c r="AF688" s="91"/>
    </row>
    <row r="689" spans="29:32" ht="20.25" customHeight="1" x14ac:dyDescent="0.15">
      <c r="AC689" s="87"/>
      <c r="AF689" s="91"/>
    </row>
    <row r="690" spans="29:32" ht="20.25" customHeight="1" x14ac:dyDescent="0.15">
      <c r="AC690" s="87"/>
      <c r="AF690" s="91"/>
    </row>
    <row r="691" spans="29:32" ht="20.25" customHeight="1" x14ac:dyDescent="0.15">
      <c r="AC691" s="87"/>
      <c r="AF691" s="91"/>
    </row>
    <row r="692" spans="29:32" ht="20.25" customHeight="1" x14ac:dyDescent="0.15">
      <c r="AC692" s="87"/>
      <c r="AF692" s="91"/>
    </row>
    <row r="693" spans="29:32" ht="20.25" customHeight="1" x14ac:dyDescent="0.15">
      <c r="AC693" s="87"/>
      <c r="AF693" s="91"/>
    </row>
    <row r="694" spans="29:32" ht="20.25" customHeight="1" x14ac:dyDescent="0.15">
      <c r="AC694" s="87"/>
      <c r="AF694" s="91"/>
    </row>
    <row r="695" spans="29:32" ht="20.25" customHeight="1" x14ac:dyDescent="0.15">
      <c r="AC695" s="87"/>
      <c r="AF695" s="91"/>
    </row>
    <row r="696" spans="29:32" ht="20.25" customHeight="1" x14ac:dyDescent="0.15">
      <c r="AC696" s="87"/>
      <c r="AF696" s="91"/>
    </row>
    <row r="697" spans="29:32" ht="20.25" customHeight="1" x14ac:dyDescent="0.15">
      <c r="AC697" s="87"/>
      <c r="AF697" s="91"/>
    </row>
    <row r="698" spans="29:32" ht="20.25" customHeight="1" x14ac:dyDescent="0.15">
      <c r="AC698" s="87"/>
      <c r="AF698" s="91"/>
    </row>
    <row r="699" spans="29:32" ht="20.25" customHeight="1" x14ac:dyDescent="0.15">
      <c r="AC699" s="87"/>
      <c r="AF699" s="91"/>
    </row>
    <row r="700" spans="29:32" ht="20.25" customHeight="1" x14ac:dyDescent="0.15">
      <c r="AC700" s="87"/>
      <c r="AF700" s="91"/>
    </row>
    <row r="701" spans="29:32" ht="20.25" customHeight="1" x14ac:dyDescent="0.15">
      <c r="AC701" s="87"/>
      <c r="AF701" s="91"/>
    </row>
    <row r="702" spans="29:32" ht="20.25" customHeight="1" x14ac:dyDescent="0.15">
      <c r="AC702" s="87"/>
      <c r="AF702" s="91"/>
    </row>
    <row r="703" spans="29:32" ht="20.25" customHeight="1" x14ac:dyDescent="0.15">
      <c r="AC703" s="87"/>
      <c r="AF703" s="91"/>
    </row>
    <row r="704" spans="29:32" ht="20.25" customHeight="1" x14ac:dyDescent="0.15">
      <c r="AC704" s="87"/>
      <c r="AF704" s="91"/>
    </row>
    <row r="705" spans="8:32" ht="20.25" customHeight="1" x14ac:dyDescent="0.15">
      <c r="AC705" s="87"/>
      <c r="AF705" s="91"/>
    </row>
    <row r="706" spans="8:32" ht="20.25" customHeight="1" x14ac:dyDescent="0.15">
      <c r="AC706" s="87"/>
      <c r="AF706" s="91"/>
    </row>
    <row r="707" spans="8:32" ht="20.25" customHeight="1" x14ac:dyDescent="0.15">
      <c r="AC707" s="87"/>
      <c r="AF707" s="91"/>
    </row>
    <row r="708" spans="8:32" ht="20.25" customHeight="1" x14ac:dyDescent="0.15">
      <c r="AC708" s="87"/>
      <c r="AF708" s="91"/>
    </row>
    <row r="709" spans="8:32" ht="20.25" customHeight="1" x14ac:dyDescent="0.15">
      <c r="AC709" s="87"/>
      <c r="AF709" s="91"/>
    </row>
    <row r="710" spans="8:32" ht="20.25" customHeight="1" x14ac:dyDescent="0.15">
      <c r="AC710" s="87"/>
      <c r="AF710" s="91"/>
    </row>
    <row r="711" spans="8:32" ht="20.25" customHeight="1" x14ac:dyDescent="0.15">
      <c r="AC711" s="87"/>
      <c r="AF711" s="91"/>
    </row>
    <row r="712" spans="8:32" ht="20.25" customHeight="1" x14ac:dyDescent="0.15">
      <c r="AC712" s="87"/>
      <c r="AF712" s="91"/>
    </row>
    <row r="713" spans="8:32" ht="20.25" customHeight="1" x14ac:dyDescent="0.15">
      <c r="AC713" s="87"/>
      <c r="AF713" s="91"/>
    </row>
    <row r="714" spans="8:32" ht="20.25" customHeight="1" x14ac:dyDescent="0.15">
      <c r="AC714" s="87"/>
      <c r="AF714" s="91"/>
    </row>
    <row r="715" spans="8:32" ht="20.25" customHeight="1" x14ac:dyDescent="0.15">
      <c r="AC715" s="87"/>
      <c r="AF715" s="91"/>
    </row>
    <row r="716" spans="8:32" ht="20.25" customHeight="1" x14ac:dyDescent="0.15">
      <c r="AC716" s="87"/>
      <c r="AF716" s="91"/>
    </row>
    <row r="717" spans="8:32" ht="20.25" customHeight="1" x14ac:dyDescent="0.15">
      <c r="AC717" s="87"/>
      <c r="AF717" s="91"/>
    </row>
    <row r="718" spans="8:32" ht="20.25" customHeight="1" x14ac:dyDescent="0.15">
      <c r="AC718" s="87"/>
      <c r="AF718" s="91"/>
    </row>
    <row r="719" spans="8:32" ht="20.25" customHeight="1" x14ac:dyDescent="0.15">
      <c r="AC719" s="87"/>
      <c r="AF719" s="91"/>
    </row>
    <row r="720" spans="8:32" ht="20.25" customHeight="1" x14ac:dyDescent="0.15">
      <c r="H720" s="94"/>
      <c r="AC720" s="87"/>
      <c r="AF720" s="91"/>
    </row>
    <row r="721" spans="1:32" ht="20.25" customHeight="1" x14ac:dyDescent="0.15">
      <c r="H721" s="94"/>
      <c r="AC721" s="87"/>
      <c r="AF721" s="91"/>
    </row>
    <row r="722" spans="1:32" ht="20.25" customHeight="1" x14ac:dyDescent="0.15">
      <c r="H722" s="94"/>
      <c r="AC722" s="87"/>
      <c r="AF722" s="91"/>
    </row>
    <row r="723" spans="1:32" ht="20.25" customHeight="1" x14ac:dyDescent="0.15">
      <c r="H723" s="94"/>
      <c r="AC723" s="87"/>
      <c r="AF723" s="91"/>
    </row>
    <row r="724" spans="1:32" ht="20.25" customHeight="1" x14ac:dyDescent="0.15">
      <c r="H724" s="94"/>
      <c r="AC724" s="87"/>
      <c r="AF724" s="91"/>
    </row>
    <row r="725" spans="1:32" ht="20.25" customHeight="1" x14ac:dyDescent="0.15">
      <c r="A725" s="89"/>
      <c r="B725" s="8"/>
      <c r="C725" s="8"/>
      <c r="D725" s="8"/>
      <c r="E725" s="8"/>
      <c r="F725" s="8"/>
      <c r="G725" s="92"/>
      <c r="H725" s="96"/>
      <c r="I725" s="86"/>
      <c r="J725" s="8"/>
      <c r="K725" s="8"/>
      <c r="L725" s="8"/>
      <c r="M725" s="8"/>
      <c r="N725" s="8"/>
      <c r="O725" s="8"/>
      <c r="P725" s="8"/>
      <c r="Q725" s="8"/>
      <c r="R725" s="8"/>
      <c r="S725" s="8"/>
      <c r="T725" s="8"/>
      <c r="U725" s="8"/>
      <c r="V725" s="8"/>
      <c r="W725" s="8"/>
      <c r="X725" s="8"/>
      <c r="Y725" s="8"/>
      <c r="Z725" s="8"/>
      <c r="AA725" s="8"/>
      <c r="AB725" s="92"/>
      <c r="AC725" s="86"/>
      <c r="AD725" s="8"/>
      <c r="AE725" s="8"/>
      <c r="AF725" s="92"/>
    </row>
    <row r="726" spans="1:32" ht="20.25" customHeight="1" x14ac:dyDescent="0.15">
      <c r="AC726" s="87"/>
      <c r="AF726" s="91"/>
    </row>
    <row r="727" spans="1:32" ht="20.25" customHeight="1" x14ac:dyDescent="0.15">
      <c r="AC727" s="87"/>
      <c r="AF727" s="91"/>
    </row>
    <row r="728" spans="1:32" ht="20.25" customHeight="1" x14ac:dyDescent="0.15">
      <c r="AC728" s="87"/>
      <c r="AF728" s="91"/>
    </row>
    <row r="729" spans="1:32" ht="20.25" customHeight="1" x14ac:dyDescent="0.15">
      <c r="AC729" s="87"/>
      <c r="AF729" s="91"/>
    </row>
    <row r="730" spans="1:32" ht="20.25" customHeight="1" x14ac:dyDescent="0.15">
      <c r="AC730" s="87"/>
      <c r="AF730" s="91"/>
    </row>
    <row r="731" spans="1:32" ht="20.25" customHeight="1" x14ac:dyDescent="0.15">
      <c r="AC731" s="87"/>
      <c r="AF731" s="91"/>
    </row>
    <row r="732" spans="1:32" ht="20.25" customHeight="1" x14ac:dyDescent="0.15">
      <c r="AC732" s="87"/>
      <c r="AF732" s="91"/>
    </row>
    <row r="733" spans="1:32" ht="20.25" customHeight="1" x14ac:dyDescent="0.15">
      <c r="AC733" s="87"/>
      <c r="AF733" s="91"/>
    </row>
    <row r="734" spans="1:32" ht="20.25" customHeight="1" x14ac:dyDescent="0.15">
      <c r="AC734" s="87"/>
      <c r="AF734" s="91"/>
    </row>
    <row r="735" spans="1:32" ht="20.25" customHeight="1" x14ac:dyDescent="0.15">
      <c r="AC735" s="87"/>
      <c r="AF735" s="91"/>
    </row>
    <row r="736" spans="1:32" ht="20.25" customHeight="1" x14ac:dyDescent="0.15">
      <c r="AC736" s="87"/>
      <c r="AF736" s="91"/>
    </row>
    <row r="737" spans="8:32" ht="20.25" customHeight="1" x14ac:dyDescent="0.15">
      <c r="AC737" s="87"/>
      <c r="AF737" s="91"/>
    </row>
    <row r="738" spans="8:32" ht="20.25" customHeight="1" x14ac:dyDescent="0.15">
      <c r="AC738" s="87"/>
      <c r="AF738" s="91"/>
    </row>
    <row r="739" spans="8:32" ht="20.25" customHeight="1" x14ac:dyDescent="0.15">
      <c r="AC739" s="87"/>
      <c r="AF739" s="91"/>
    </row>
    <row r="740" spans="8:32" ht="20.25" customHeight="1" x14ac:dyDescent="0.15">
      <c r="AC740" s="87"/>
      <c r="AF740" s="91"/>
    </row>
    <row r="741" spans="8:32" ht="20.25" customHeight="1" x14ac:dyDescent="0.15">
      <c r="AC741" s="87"/>
      <c r="AF741" s="91"/>
    </row>
    <row r="742" spans="8:32" ht="20.25" customHeight="1" x14ac:dyDescent="0.15">
      <c r="AC742" s="87"/>
      <c r="AF742" s="91"/>
    </row>
    <row r="743" spans="8:32" ht="20.25" customHeight="1" x14ac:dyDescent="0.15">
      <c r="AC743" s="87"/>
      <c r="AF743" s="91"/>
    </row>
    <row r="744" spans="8:32" ht="20.25" customHeight="1" x14ac:dyDescent="0.15">
      <c r="AC744" s="87"/>
      <c r="AF744" s="91"/>
    </row>
    <row r="745" spans="8:32" ht="20.25" customHeight="1" x14ac:dyDescent="0.15">
      <c r="AC745" s="87"/>
      <c r="AF745" s="91"/>
    </row>
    <row r="746" spans="8:32" ht="20.25" customHeight="1" x14ac:dyDescent="0.15">
      <c r="AC746" s="87"/>
      <c r="AF746" s="91"/>
    </row>
    <row r="747" spans="8:32" ht="20.25" customHeight="1" x14ac:dyDescent="0.15">
      <c r="AC747" s="87"/>
      <c r="AF747" s="91"/>
    </row>
    <row r="748" spans="8:32" ht="20.25" customHeight="1" x14ac:dyDescent="0.15">
      <c r="AC748" s="87"/>
      <c r="AF748" s="91"/>
    </row>
    <row r="749" spans="8:32" ht="20.25" customHeight="1" x14ac:dyDescent="0.15">
      <c r="H749" s="94"/>
      <c r="AC749" s="87"/>
      <c r="AF749" s="91"/>
    </row>
    <row r="750" spans="8:32" ht="20.25" customHeight="1" x14ac:dyDescent="0.15">
      <c r="H750" s="94"/>
      <c r="AC750" s="87"/>
      <c r="AF750" s="91"/>
    </row>
    <row r="751" spans="8:32" ht="20.25" customHeight="1" x14ac:dyDescent="0.15">
      <c r="H751" s="94"/>
      <c r="AC751" s="87"/>
      <c r="AF751" s="91"/>
    </row>
    <row r="752" spans="8:32" ht="20.25" customHeight="1" x14ac:dyDescent="0.15">
      <c r="H752" s="94"/>
      <c r="AC752" s="87"/>
      <c r="AF752" s="91"/>
    </row>
    <row r="753" spans="1:32" ht="20.25" customHeight="1" x14ac:dyDescent="0.15">
      <c r="H753" s="94"/>
      <c r="AC753" s="87"/>
      <c r="AF753" s="91"/>
    </row>
    <row r="754" spans="1:32" ht="20.25" customHeight="1" x14ac:dyDescent="0.15">
      <c r="A754" s="89"/>
      <c r="B754" s="8"/>
      <c r="C754" s="8"/>
      <c r="D754" s="8"/>
      <c r="E754" s="8"/>
      <c r="F754" s="8"/>
      <c r="G754" s="92"/>
      <c r="H754" s="96"/>
      <c r="I754" s="86"/>
      <c r="J754" s="8"/>
      <c r="K754" s="8"/>
      <c r="L754" s="8"/>
      <c r="M754" s="8"/>
      <c r="N754" s="8"/>
      <c r="O754" s="8"/>
      <c r="P754" s="8"/>
      <c r="Q754" s="8"/>
      <c r="R754" s="8"/>
      <c r="S754" s="8"/>
      <c r="T754" s="8"/>
      <c r="U754" s="8"/>
      <c r="V754" s="8"/>
      <c r="W754" s="8"/>
      <c r="X754" s="8"/>
      <c r="Y754" s="8"/>
      <c r="Z754" s="8"/>
      <c r="AA754" s="8"/>
      <c r="AB754" s="92"/>
      <c r="AC754" s="86"/>
      <c r="AD754" s="8"/>
      <c r="AE754" s="8"/>
      <c r="AF754" s="92"/>
    </row>
    <row r="755" spans="1:32" ht="20.25" customHeight="1" x14ac:dyDescent="0.15">
      <c r="AC755" s="87"/>
      <c r="AF755" s="91"/>
    </row>
    <row r="756" spans="1:32" ht="20.25" customHeight="1" x14ac:dyDescent="0.15">
      <c r="AC756" s="87"/>
      <c r="AF756" s="91"/>
    </row>
    <row r="757" spans="1:32" ht="20.25" customHeight="1" x14ac:dyDescent="0.15">
      <c r="AC757" s="87"/>
      <c r="AF757" s="91"/>
    </row>
    <row r="758" spans="1:32" ht="20.25" customHeight="1" x14ac:dyDescent="0.15">
      <c r="AC758" s="87"/>
      <c r="AF758" s="91"/>
    </row>
    <row r="759" spans="1:32" ht="20.25" customHeight="1" x14ac:dyDescent="0.15">
      <c r="AC759" s="87"/>
      <c r="AF759" s="91"/>
    </row>
    <row r="760" spans="1:32" ht="20.25" customHeight="1" x14ac:dyDescent="0.15">
      <c r="AC760" s="87"/>
      <c r="AF760" s="91"/>
    </row>
    <row r="761" spans="1:32" ht="20.25" customHeight="1" x14ac:dyDescent="0.15">
      <c r="AC761" s="87"/>
      <c r="AF761" s="91"/>
    </row>
    <row r="762" spans="1:32" ht="20.25" customHeight="1" x14ac:dyDescent="0.15">
      <c r="AC762" s="87"/>
      <c r="AF762" s="91"/>
    </row>
    <row r="763" spans="1:32" ht="20.25" customHeight="1" x14ac:dyDescent="0.15">
      <c r="AC763" s="87"/>
      <c r="AF763" s="91"/>
    </row>
    <row r="764" spans="1:32" ht="20.25" customHeight="1" x14ac:dyDescent="0.15">
      <c r="AC764" s="87"/>
      <c r="AF764" s="91"/>
    </row>
    <row r="765" spans="1:32" ht="20.25" customHeight="1" x14ac:dyDescent="0.15">
      <c r="AC765" s="87"/>
      <c r="AF765" s="91"/>
    </row>
    <row r="766" spans="1:32" ht="20.25" customHeight="1" x14ac:dyDescent="0.15">
      <c r="AC766" s="87"/>
      <c r="AF766" s="91"/>
    </row>
    <row r="767" spans="1:32" ht="20.25" customHeight="1" x14ac:dyDescent="0.15">
      <c r="AC767" s="87"/>
      <c r="AF767" s="91"/>
    </row>
    <row r="768" spans="1:32" ht="20.25" customHeight="1" x14ac:dyDescent="0.15">
      <c r="AC768" s="87"/>
      <c r="AF768" s="91"/>
    </row>
    <row r="769" spans="29:32" ht="20.25" customHeight="1" x14ac:dyDescent="0.15">
      <c r="AC769" s="87"/>
      <c r="AF769" s="91"/>
    </row>
    <row r="770" spans="29:32" ht="20.25" customHeight="1" x14ac:dyDescent="0.15">
      <c r="AC770" s="87"/>
      <c r="AF770" s="91"/>
    </row>
    <row r="771" spans="29:32" ht="20.25" customHeight="1" x14ac:dyDescent="0.15">
      <c r="AC771" s="87"/>
      <c r="AF771" s="91"/>
    </row>
    <row r="772" spans="29:32" ht="20.25" customHeight="1" x14ac:dyDescent="0.15">
      <c r="AC772" s="87"/>
      <c r="AF772" s="91"/>
    </row>
    <row r="773" spans="29:32" ht="20.25" customHeight="1" x14ac:dyDescent="0.15">
      <c r="AC773" s="87"/>
      <c r="AF773" s="91"/>
    </row>
    <row r="774" spans="29:32" ht="20.25" customHeight="1" x14ac:dyDescent="0.15">
      <c r="AC774" s="87"/>
      <c r="AF774" s="91"/>
    </row>
    <row r="775" spans="29:32" ht="20.25" customHeight="1" x14ac:dyDescent="0.15">
      <c r="AC775" s="87"/>
      <c r="AF775" s="91"/>
    </row>
    <row r="776" spans="29:32" ht="20.25" customHeight="1" x14ac:dyDescent="0.15">
      <c r="AC776" s="87"/>
      <c r="AF776" s="91"/>
    </row>
    <row r="777" spans="29:32" ht="20.25" customHeight="1" x14ac:dyDescent="0.15">
      <c r="AC777" s="87"/>
      <c r="AF777" s="91"/>
    </row>
    <row r="778" spans="29:32" ht="20.25" customHeight="1" x14ac:dyDescent="0.15">
      <c r="AC778" s="87"/>
      <c r="AF778" s="91"/>
    </row>
    <row r="779" spans="29:32" ht="20.25" customHeight="1" x14ac:dyDescent="0.15">
      <c r="AC779" s="87"/>
      <c r="AF779" s="91"/>
    </row>
    <row r="780" spans="29:32" ht="20.25" customHeight="1" x14ac:dyDescent="0.15">
      <c r="AC780" s="87"/>
      <c r="AF780" s="91"/>
    </row>
    <row r="781" spans="29:32" ht="20.25" customHeight="1" x14ac:dyDescent="0.15">
      <c r="AC781" s="87"/>
      <c r="AF781" s="91"/>
    </row>
    <row r="782" spans="29:32" ht="20.25" customHeight="1" x14ac:dyDescent="0.15">
      <c r="AC782" s="87"/>
      <c r="AF782" s="91"/>
    </row>
    <row r="783" spans="29:32" ht="20.25" customHeight="1" x14ac:dyDescent="0.15">
      <c r="AC783" s="87"/>
      <c r="AF783" s="91"/>
    </row>
    <row r="784" spans="29:32" ht="20.25" customHeight="1" x14ac:dyDescent="0.15">
      <c r="AC784" s="87"/>
      <c r="AF784" s="91"/>
    </row>
    <row r="785" spans="1:32" ht="20.25" customHeight="1" x14ac:dyDescent="0.15">
      <c r="AC785" s="87"/>
      <c r="AF785" s="91"/>
    </row>
    <row r="786" spans="1:32" ht="20.25" customHeight="1" x14ac:dyDescent="0.15">
      <c r="AC786" s="87"/>
      <c r="AF786" s="91"/>
    </row>
    <row r="787" spans="1:32" ht="20.25" customHeight="1" x14ac:dyDescent="0.15">
      <c r="AC787" s="87"/>
      <c r="AF787" s="91"/>
    </row>
    <row r="788" spans="1:32" ht="20.25" customHeight="1" x14ac:dyDescent="0.15">
      <c r="H788" s="94"/>
      <c r="AC788" s="87"/>
      <c r="AF788" s="91"/>
    </row>
    <row r="789" spans="1:32" ht="20.25" customHeight="1" x14ac:dyDescent="0.15">
      <c r="H789" s="94"/>
      <c r="AC789" s="87"/>
      <c r="AF789" s="91"/>
    </row>
    <row r="790" spans="1:32" ht="20.25" customHeight="1" x14ac:dyDescent="0.15">
      <c r="H790" s="94"/>
      <c r="AC790" s="87"/>
      <c r="AF790" s="91"/>
    </row>
    <row r="791" spans="1:32" ht="20.25" customHeight="1" x14ac:dyDescent="0.15">
      <c r="H791" s="94"/>
      <c r="AC791" s="87"/>
      <c r="AF791" s="91"/>
    </row>
    <row r="792" spans="1:32" ht="20.25" customHeight="1" x14ac:dyDescent="0.15">
      <c r="H792" s="94"/>
      <c r="AC792" s="87"/>
      <c r="AF792" s="91"/>
    </row>
    <row r="793" spans="1:32" ht="20.25" customHeight="1" x14ac:dyDescent="0.15">
      <c r="A793" s="89"/>
      <c r="B793" s="8"/>
      <c r="C793" s="8"/>
      <c r="D793" s="8"/>
      <c r="E793" s="8"/>
      <c r="F793" s="8"/>
      <c r="G793" s="92"/>
      <c r="H793" s="96"/>
      <c r="I793" s="86"/>
      <c r="J793" s="8"/>
      <c r="K793" s="8"/>
      <c r="L793" s="8"/>
      <c r="M793" s="8"/>
      <c r="N793" s="8"/>
      <c r="O793" s="8"/>
      <c r="P793" s="8"/>
      <c r="Q793" s="8"/>
      <c r="R793" s="8"/>
      <c r="S793" s="8"/>
      <c r="T793" s="8"/>
      <c r="U793" s="8"/>
      <c r="V793" s="8"/>
      <c r="W793" s="8"/>
      <c r="X793" s="8"/>
      <c r="Y793" s="8"/>
      <c r="Z793" s="8"/>
      <c r="AA793" s="8"/>
      <c r="AB793" s="92"/>
      <c r="AC793" s="86"/>
      <c r="AD793" s="8"/>
      <c r="AE793" s="8"/>
      <c r="AF793" s="92"/>
    </row>
    <row r="794" spans="1:32" ht="20.25" customHeight="1" x14ac:dyDescent="0.15">
      <c r="AC794" s="87"/>
      <c r="AF794" s="91"/>
    </row>
    <row r="795" spans="1:32" ht="20.25" customHeight="1" x14ac:dyDescent="0.15">
      <c r="AC795" s="87"/>
      <c r="AF795" s="91"/>
    </row>
    <row r="796" spans="1:32" ht="20.25" customHeight="1" x14ac:dyDescent="0.15">
      <c r="AC796" s="87"/>
      <c r="AF796" s="91"/>
    </row>
    <row r="797" spans="1:32" ht="20.25" customHeight="1" x14ac:dyDescent="0.15">
      <c r="AC797" s="87"/>
      <c r="AF797" s="91"/>
    </row>
    <row r="798" spans="1:32" ht="20.25" customHeight="1" x14ac:dyDescent="0.15">
      <c r="AC798" s="87"/>
      <c r="AF798" s="91"/>
    </row>
    <row r="799" spans="1:32" ht="20.25" customHeight="1" x14ac:dyDescent="0.15">
      <c r="AC799" s="87"/>
      <c r="AF799" s="91"/>
    </row>
    <row r="800" spans="1:32" ht="20.25" customHeight="1" x14ac:dyDescent="0.15">
      <c r="AC800" s="87"/>
      <c r="AF800" s="91"/>
    </row>
    <row r="801" spans="29:32" ht="20.25" customHeight="1" x14ac:dyDescent="0.15">
      <c r="AC801" s="87"/>
      <c r="AF801" s="91"/>
    </row>
    <row r="802" spans="29:32" ht="20.25" customHeight="1" x14ac:dyDescent="0.15">
      <c r="AC802" s="87"/>
      <c r="AF802" s="91"/>
    </row>
    <row r="803" spans="29:32" ht="20.25" customHeight="1" x14ac:dyDescent="0.15">
      <c r="AC803" s="87"/>
      <c r="AF803" s="91"/>
    </row>
    <row r="804" spans="29:32" ht="20.25" customHeight="1" x14ac:dyDescent="0.15">
      <c r="AC804" s="87"/>
      <c r="AF804" s="91"/>
    </row>
    <row r="805" spans="29:32" ht="20.25" customHeight="1" x14ac:dyDescent="0.15">
      <c r="AC805" s="87"/>
      <c r="AF805" s="91"/>
    </row>
    <row r="806" spans="29:32" ht="20.25" customHeight="1" x14ac:dyDescent="0.15">
      <c r="AC806" s="87"/>
      <c r="AF806" s="91"/>
    </row>
    <row r="807" spans="29:32" ht="20.25" customHeight="1" x14ac:dyDescent="0.15">
      <c r="AC807" s="87"/>
      <c r="AF807" s="91"/>
    </row>
    <row r="808" spans="29:32" ht="20.25" customHeight="1" x14ac:dyDescent="0.15">
      <c r="AC808" s="87"/>
      <c r="AF808" s="91"/>
    </row>
    <row r="809" spans="29:32" ht="20.25" customHeight="1" x14ac:dyDescent="0.15">
      <c r="AC809" s="87"/>
      <c r="AF809" s="91"/>
    </row>
    <row r="810" spans="29:32" ht="20.25" customHeight="1" x14ac:dyDescent="0.15">
      <c r="AC810" s="87"/>
      <c r="AF810" s="91"/>
    </row>
    <row r="811" spans="29:32" ht="20.25" customHeight="1" x14ac:dyDescent="0.15">
      <c r="AC811" s="87"/>
      <c r="AF811" s="91"/>
    </row>
    <row r="812" spans="29:32" ht="20.25" customHeight="1" x14ac:dyDescent="0.15">
      <c r="AC812" s="87"/>
      <c r="AF812" s="91"/>
    </row>
    <row r="813" spans="29:32" ht="20.25" customHeight="1" x14ac:dyDescent="0.15">
      <c r="AC813" s="87"/>
      <c r="AF813" s="91"/>
    </row>
    <row r="814" spans="29:32" ht="20.25" customHeight="1" x14ac:dyDescent="0.15">
      <c r="AC814" s="87"/>
      <c r="AF814" s="91"/>
    </row>
    <row r="815" spans="29:32" ht="20.25" customHeight="1" x14ac:dyDescent="0.15">
      <c r="AC815" s="87"/>
      <c r="AF815" s="91"/>
    </row>
    <row r="816" spans="29:32" ht="20.25" customHeight="1" x14ac:dyDescent="0.15">
      <c r="AC816" s="87"/>
      <c r="AF816" s="91"/>
    </row>
    <row r="817" spans="1:32" ht="20.25" customHeight="1" x14ac:dyDescent="0.15">
      <c r="AC817" s="87"/>
      <c r="AF817" s="91"/>
    </row>
    <row r="818" spans="1:32" ht="20.25" customHeight="1" x14ac:dyDescent="0.15">
      <c r="AC818" s="87"/>
      <c r="AF818" s="91"/>
    </row>
    <row r="819" spans="1:32" ht="20.25" customHeight="1" x14ac:dyDescent="0.15">
      <c r="AC819" s="87"/>
      <c r="AF819" s="91"/>
    </row>
    <row r="820" spans="1:32" ht="20.25" customHeight="1" x14ac:dyDescent="0.15">
      <c r="AC820" s="87"/>
      <c r="AF820" s="91"/>
    </row>
    <row r="821" spans="1:32" ht="20.25" customHeight="1" x14ac:dyDescent="0.15">
      <c r="AC821" s="87"/>
      <c r="AF821" s="91"/>
    </row>
    <row r="822" spans="1:32" ht="20.25" customHeight="1" x14ac:dyDescent="0.15">
      <c r="AC822" s="87"/>
      <c r="AF822" s="91"/>
    </row>
    <row r="823" spans="1:32" ht="20.25" customHeight="1" x14ac:dyDescent="0.15">
      <c r="AC823" s="87"/>
      <c r="AF823" s="91"/>
    </row>
    <row r="824" spans="1:32" ht="20.25" customHeight="1" x14ac:dyDescent="0.15">
      <c r="AC824" s="87"/>
      <c r="AF824" s="91"/>
    </row>
    <row r="825" spans="1:32" ht="20.25" customHeight="1" x14ac:dyDescent="0.15">
      <c r="AC825" s="87"/>
      <c r="AF825" s="91"/>
    </row>
    <row r="826" spans="1:32" ht="20.25" customHeight="1" x14ac:dyDescent="0.15">
      <c r="AC826" s="87"/>
      <c r="AF826" s="91"/>
    </row>
    <row r="827" spans="1:32" ht="20.25" customHeight="1" x14ac:dyDescent="0.15">
      <c r="H827" s="94"/>
      <c r="AC827" s="87"/>
      <c r="AF827" s="91"/>
    </row>
    <row r="828" spans="1:32" ht="20.25" customHeight="1" x14ac:dyDescent="0.15">
      <c r="H828" s="94"/>
      <c r="AC828" s="87"/>
      <c r="AF828" s="91"/>
    </row>
    <row r="829" spans="1:32" ht="20.25" customHeight="1" x14ac:dyDescent="0.15">
      <c r="H829" s="94"/>
      <c r="AC829" s="87"/>
      <c r="AF829" s="91"/>
    </row>
    <row r="830" spans="1:32" ht="20.25" customHeight="1" x14ac:dyDescent="0.15">
      <c r="H830" s="94"/>
      <c r="AC830" s="87"/>
      <c r="AF830" s="91"/>
    </row>
    <row r="831" spans="1:32" ht="20.25" customHeight="1" x14ac:dyDescent="0.15">
      <c r="H831" s="94"/>
      <c r="AC831" s="87"/>
      <c r="AF831" s="91"/>
    </row>
    <row r="832" spans="1:32" ht="20.25" customHeight="1" x14ac:dyDescent="0.15">
      <c r="A832" s="89"/>
      <c r="B832" s="8"/>
      <c r="C832" s="8"/>
      <c r="D832" s="8"/>
      <c r="E832" s="8"/>
      <c r="F832" s="8"/>
      <c r="G832" s="92"/>
      <c r="H832" s="96"/>
      <c r="I832" s="86"/>
      <c r="J832" s="8"/>
      <c r="K832" s="8"/>
      <c r="L832" s="8"/>
      <c r="M832" s="8"/>
      <c r="N832" s="8"/>
      <c r="O832" s="8"/>
      <c r="P832" s="8"/>
      <c r="Q832" s="8"/>
      <c r="R832" s="8"/>
      <c r="S832" s="8"/>
      <c r="T832" s="8"/>
      <c r="U832" s="8"/>
      <c r="V832" s="8"/>
      <c r="W832" s="8"/>
      <c r="X832" s="8"/>
      <c r="Y832" s="8"/>
      <c r="Z832" s="8"/>
      <c r="AA832" s="8"/>
      <c r="AB832" s="92"/>
      <c r="AC832" s="86"/>
      <c r="AD832" s="8"/>
      <c r="AE832" s="8"/>
      <c r="AF832" s="92"/>
    </row>
    <row r="833" spans="29:32" ht="20.25" customHeight="1" x14ac:dyDescent="0.15">
      <c r="AC833" s="87"/>
      <c r="AF833" s="91"/>
    </row>
    <row r="834" spans="29:32" ht="20.25" customHeight="1" x14ac:dyDescent="0.15">
      <c r="AC834" s="87"/>
      <c r="AF834" s="91"/>
    </row>
    <row r="835" spans="29:32" ht="20.25" customHeight="1" x14ac:dyDescent="0.15">
      <c r="AC835" s="87"/>
      <c r="AF835" s="91"/>
    </row>
    <row r="836" spans="29:32" ht="20.25" customHeight="1" x14ac:dyDescent="0.15">
      <c r="AC836" s="87"/>
      <c r="AF836" s="91"/>
    </row>
    <row r="837" spans="29:32" ht="20.25" customHeight="1" x14ac:dyDescent="0.15">
      <c r="AC837" s="87"/>
      <c r="AF837" s="91"/>
    </row>
    <row r="838" spans="29:32" ht="20.25" customHeight="1" x14ac:dyDescent="0.15">
      <c r="AC838" s="87"/>
      <c r="AF838" s="91"/>
    </row>
    <row r="839" spans="29:32" ht="20.25" customHeight="1" x14ac:dyDescent="0.15">
      <c r="AC839" s="87"/>
      <c r="AF839" s="91"/>
    </row>
    <row r="840" spans="29:32" ht="20.25" customHeight="1" x14ac:dyDescent="0.15">
      <c r="AC840" s="87"/>
      <c r="AF840" s="91"/>
    </row>
    <row r="841" spans="29:32" ht="20.25" customHeight="1" x14ac:dyDescent="0.15">
      <c r="AC841" s="87"/>
      <c r="AF841" s="91"/>
    </row>
    <row r="842" spans="29:32" ht="20.25" customHeight="1" x14ac:dyDescent="0.15">
      <c r="AC842" s="87"/>
      <c r="AF842" s="91"/>
    </row>
    <row r="843" spans="29:32" ht="20.25" customHeight="1" x14ac:dyDescent="0.15">
      <c r="AC843" s="87"/>
      <c r="AF843" s="91"/>
    </row>
    <row r="844" spans="29:32" ht="20.25" customHeight="1" x14ac:dyDescent="0.15">
      <c r="AC844" s="87"/>
      <c r="AF844" s="91"/>
    </row>
    <row r="845" spans="29:32" ht="20.25" customHeight="1" x14ac:dyDescent="0.15">
      <c r="AC845" s="87"/>
      <c r="AF845" s="91"/>
    </row>
    <row r="846" spans="29:32" ht="20.25" customHeight="1" x14ac:dyDescent="0.15">
      <c r="AC846" s="87"/>
      <c r="AF846" s="91"/>
    </row>
    <row r="847" spans="29:32" ht="20.25" customHeight="1" x14ac:dyDescent="0.15">
      <c r="AC847" s="87"/>
      <c r="AF847" s="91"/>
    </row>
    <row r="848" spans="29:32" ht="20.25" customHeight="1" x14ac:dyDescent="0.15">
      <c r="AC848" s="87"/>
      <c r="AF848" s="91"/>
    </row>
    <row r="849" spans="1:32" ht="20.25" customHeight="1" x14ac:dyDescent="0.15">
      <c r="AC849" s="87"/>
      <c r="AF849" s="91"/>
    </row>
    <row r="850" spans="1:32" ht="20.25" customHeight="1" x14ac:dyDescent="0.15">
      <c r="AC850" s="87"/>
      <c r="AF850" s="91"/>
    </row>
    <row r="851" spans="1:32" ht="20.25" customHeight="1" x14ac:dyDescent="0.15">
      <c r="AC851" s="87"/>
      <c r="AF851" s="91"/>
    </row>
    <row r="852" spans="1:32" ht="20.25" customHeight="1" x14ac:dyDescent="0.15">
      <c r="AC852" s="87"/>
      <c r="AF852" s="91"/>
    </row>
    <row r="853" spans="1:32" ht="20.25" customHeight="1" x14ac:dyDescent="0.15">
      <c r="AC853" s="87"/>
      <c r="AF853" s="91"/>
    </row>
    <row r="854" spans="1:32" ht="20.25" customHeight="1" x14ac:dyDescent="0.15">
      <c r="AC854" s="87"/>
      <c r="AF854" s="91"/>
    </row>
    <row r="855" spans="1:32" ht="20.25" customHeight="1" x14ac:dyDescent="0.15">
      <c r="H855" s="94"/>
      <c r="AC855" s="87"/>
      <c r="AF855" s="91"/>
    </row>
    <row r="856" spans="1:32" ht="20.25" customHeight="1" x14ac:dyDescent="0.15">
      <c r="H856" s="94"/>
      <c r="AC856" s="87"/>
      <c r="AF856" s="91"/>
    </row>
    <row r="857" spans="1:32" ht="20.25" customHeight="1" x14ac:dyDescent="0.15">
      <c r="H857" s="94"/>
      <c r="AC857" s="87"/>
      <c r="AF857" s="91"/>
    </row>
    <row r="858" spans="1:32" ht="20.25" customHeight="1" x14ac:dyDescent="0.15">
      <c r="H858" s="94"/>
      <c r="AC858" s="87"/>
      <c r="AF858" s="91"/>
    </row>
    <row r="859" spans="1:32" ht="20.25" customHeight="1" x14ac:dyDescent="0.15">
      <c r="H859" s="94"/>
      <c r="AC859" s="87"/>
      <c r="AF859" s="91"/>
    </row>
    <row r="860" spans="1:32" ht="20.25" customHeight="1" x14ac:dyDescent="0.15">
      <c r="A860" s="89"/>
      <c r="B860" s="8"/>
      <c r="C860" s="8"/>
      <c r="D860" s="8"/>
      <c r="E860" s="8"/>
      <c r="F860" s="8"/>
      <c r="G860" s="92"/>
      <c r="H860" s="96"/>
      <c r="I860" s="86"/>
      <c r="J860" s="8"/>
      <c r="K860" s="8"/>
      <c r="L860" s="8"/>
      <c r="M860" s="8"/>
      <c r="N860" s="8"/>
      <c r="O860" s="8"/>
      <c r="P860" s="8"/>
      <c r="Q860" s="8"/>
      <c r="R860" s="8"/>
      <c r="S860" s="8"/>
      <c r="T860" s="8"/>
      <c r="U860" s="8"/>
      <c r="V860" s="8"/>
      <c r="W860" s="8"/>
      <c r="X860" s="8"/>
      <c r="Y860" s="8"/>
      <c r="Z860" s="8"/>
      <c r="AA860" s="8"/>
      <c r="AB860" s="92"/>
      <c r="AC860" s="86"/>
      <c r="AD860" s="8"/>
      <c r="AE860" s="8"/>
      <c r="AF860" s="92"/>
    </row>
    <row r="861" spans="1:32" ht="20.25" customHeight="1" x14ac:dyDescent="0.15">
      <c r="AC861" s="87"/>
      <c r="AF861" s="91"/>
    </row>
    <row r="862" spans="1:32" ht="20.25" customHeight="1" x14ac:dyDescent="0.15">
      <c r="AC862" s="87"/>
      <c r="AF862" s="91"/>
    </row>
    <row r="863" spans="1:32" ht="20.25" customHeight="1" x14ac:dyDescent="0.15">
      <c r="AC863" s="87"/>
      <c r="AF863" s="91"/>
    </row>
    <row r="864" spans="1:32" ht="20.25" customHeight="1" x14ac:dyDescent="0.15">
      <c r="AC864" s="87"/>
      <c r="AF864" s="91"/>
    </row>
    <row r="865" spans="29:32" ht="20.25" customHeight="1" x14ac:dyDescent="0.15">
      <c r="AC865" s="87"/>
      <c r="AF865" s="91"/>
    </row>
    <row r="866" spans="29:32" ht="20.25" customHeight="1" x14ac:dyDescent="0.15">
      <c r="AC866" s="87"/>
      <c r="AF866" s="91"/>
    </row>
    <row r="867" spans="29:32" ht="20.25" customHeight="1" x14ac:dyDescent="0.15">
      <c r="AC867" s="87"/>
      <c r="AF867" s="91"/>
    </row>
    <row r="868" spans="29:32" ht="20.25" customHeight="1" x14ac:dyDescent="0.15">
      <c r="AC868" s="87"/>
      <c r="AF868" s="91"/>
    </row>
    <row r="869" spans="29:32" ht="20.25" customHeight="1" x14ac:dyDescent="0.15">
      <c r="AC869" s="87"/>
      <c r="AF869" s="91"/>
    </row>
    <row r="870" spans="29:32" ht="20.25" customHeight="1" x14ac:dyDescent="0.15">
      <c r="AC870" s="87"/>
      <c r="AF870" s="91"/>
    </row>
    <row r="871" spans="29:32" ht="20.25" customHeight="1" x14ac:dyDescent="0.15">
      <c r="AC871" s="87"/>
      <c r="AF871" s="91"/>
    </row>
    <row r="872" spans="29:32" ht="20.25" customHeight="1" x14ac:dyDescent="0.15">
      <c r="AC872" s="87"/>
      <c r="AF872" s="91"/>
    </row>
    <row r="873" spans="29:32" ht="20.25" customHeight="1" x14ac:dyDescent="0.15">
      <c r="AC873" s="87"/>
      <c r="AF873" s="91"/>
    </row>
    <row r="874" spans="29:32" ht="20.25" customHeight="1" x14ac:dyDescent="0.15">
      <c r="AC874" s="87"/>
      <c r="AF874" s="91"/>
    </row>
    <row r="875" spans="29:32" ht="20.25" customHeight="1" x14ac:dyDescent="0.15">
      <c r="AC875" s="87"/>
      <c r="AF875" s="91"/>
    </row>
    <row r="876" spans="29:32" ht="20.25" customHeight="1" x14ac:dyDescent="0.15">
      <c r="AC876" s="87"/>
      <c r="AF876" s="91"/>
    </row>
    <row r="877" spans="29:32" ht="20.25" customHeight="1" x14ac:dyDescent="0.15">
      <c r="AC877" s="87"/>
      <c r="AF877" s="91"/>
    </row>
    <row r="878" spans="29:32" ht="20.25" customHeight="1" x14ac:dyDescent="0.15">
      <c r="AC878" s="87"/>
      <c r="AF878" s="91"/>
    </row>
    <row r="879" spans="29:32" ht="20.25" customHeight="1" x14ac:dyDescent="0.15">
      <c r="AC879" s="87"/>
      <c r="AF879" s="91"/>
    </row>
    <row r="880" spans="29:32" ht="20.25" customHeight="1" x14ac:dyDescent="0.15">
      <c r="AC880" s="87"/>
      <c r="AF880" s="91"/>
    </row>
    <row r="881" spans="8:32" ht="20.25" customHeight="1" x14ac:dyDescent="0.15">
      <c r="AC881" s="87"/>
      <c r="AF881" s="91"/>
    </row>
    <row r="882" spans="8:32" ht="20.25" customHeight="1" x14ac:dyDescent="0.15">
      <c r="AC882" s="87"/>
      <c r="AF882" s="91"/>
    </row>
    <row r="883" spans="8:32" ht="20.25" customHeight="1" x14ac:dyDescent="0.15">
      <c r="AC883" s="87"/>
      <c r="AF883" s="91"/>
    </row>
    <row r="884" spans="8:32" ht="20.25" customHeight="1" x14ac:dyDescent="0.15">
      <c r="AC884" s="87"/>
      <c r="AF884" s="91"/>
    </row>
    <row r="885" spans="8:32" ht="20.25" customHeight="1" x14ac:dyDescent="0.15">
      <c r="AC885" s="87"/>
      <c r="AF885" s="91"/>
    </row>
    <row r="886" spans="8:32" ht="20.25" customHeight="1" x14ac:dyDescent="0.15">
      <c r="AC886" s="87"/>
      <c r="AF886" s="91"/>
    </row>
    <row r="887" spans="8:32" ht="20.25" customHeight="1" x14ac:dyDescent="0.15">
      <c r="AC887" s="87"/>
      <c r="AF887" s="91"/>
    </row>
    <row r="888" spans="8:32" ht="20.25" customHeight="1" x14ac:dyDescent="0.15">
      <c r="AC888" s="87"/>
      <c r="AF888" s="91"/>
    </row>
    <row r="889" spans="8:32" ht="20.25" customHeight="1" x14ac:dyDescent="0.15">
      <c r="AC889" s="87"/>
      <c r="AF889" s="91"/>
    </row>
    <row r="890" spans="8:32" ht="20.25" customHeight="1" x14ac:dyDescent="0.15">
      <c r="AC890" s="87"/>
      <c r="AF890" s="91"/>
    </row>
    <row r="891" spans="8:32" ht="20.25" customHeight="1" x14ac:dyDescent="0.15">
      <c r="AC891" s="87"/>
      <c r="AF891" s="91"/>
    </row>
    <row r="892" spans="8:32" ht="20.25" customHeight="1" x14ac:dyDescent="0.15">
      <c r="AC892" s="87"/>
      <c r="AF892" s="91"/>
    </row>
    <row r="893" spans="8:32" ht="20.25" customHeight="1" x14ac:dyDescent="0.15">
      <c r="AC893" s="87"/>
      <c r="AF893" s="91"/>
    </row>
    <row r="894" spans="8:32" ht="20.25" customHeight="1" x14ac:dyDescent="0.15">
      <c r="AC894" s="87"/>
      <c r="AF894" s="91"/>
    </row>
    <row r="895" spans="8:32" ht="20.25" customHeight="1" x14ac:dyDescent="0.15">
      <c r="H895" s="94"/>
      <c r="AC895" s="87"/>
      <c r="AF895" s="91"/>
    </row>
    <row r="896" spans="8:32" ht="20.25" customHeight="1" x14ac:dyDescent="0.15">
      <c r="H896" s="94"/>
      <c r="AC896" s="87"/>
      <c r="AF896" s="91"/>
    </row>
    <row r="897" spans="1:32" ht="20.25" customHeight="1" x14ac:dyDescent="0.15">
      <c r="H897" s="94"/>
      <c r="AC897" s="87"/>
      <c r="AF897" s="91"/>
    </row>
    <row r="898" spans="1:32" ht="20.25" customHeight="1" x14ac:dyDescent="0.15">
      <c r="H898" s="94"/>
      <c r="AC898" s="87"/>
      <c r="AF898" s="91"/>
    </row>
    <row r="899" spans="1:32" ht="20.25" customHeight="1" x14ac:dyDescent="0.15">
      <c r="H899" s="94"/>
      <c r="AC899" s="87"/>
      <c r="AF899" s="91"/>
    </row>
    <row r="900" spans="1:32" ht="20.25" customHeight="1" x14ac:dyDescent="0.15">
      <c r="A900" s="89"/>
      <c r="B900" s="8"/>
      <c r="C900" s="8"/>
      <c r="D900" s="8"/>
      <c r="E900" s="8"/>
      <c r="F900" s="8"/>
      <c r="G900" s="92"/>
      <c r="H900" s="96"/>
      <c r="I900" s="86"/>
      <c r="J900" s="8"/>
      <c r="K900" s="8"/>
      <c r="L900" s="8"/>
      <c r="M900" s="8"/>
      <c r="N900" s="8"/>
      <c r="O900" s="8"/>
      <c r="P900" s="8"/>
      <c r="Q900" s="8"/>
      <c r="R900" s="8"/>
      <c r="S900" s="8"/>
      <c r="T900" s="8"/>
      <c r="U900" s="8"/>
      <c r="V900" s="8"/>
      <c r="W900" s="8"/>
      <c r="X900" s="8"/>
      <c r="Y900" s="8"/>
      <c r="Z900" s="8"/>
      <c r="AA900" s="8"/>
      <c r="AB900" s="92"/>
      <c r="AC900" s="86"/>
      <c r="AD900" s="8"/>
      <c r="AE900" s="8"/>
      <c r="AF900" s="92"/>
    </row>
    <row r="901" spans="1:32" ht="20.25" customHeight="1" x14ac:dyDescent="0.15">
      <c r="AC901" s="87"/>
      <c r="AF901" s="91"/>
    </row>
    <row r="902" spans="1:32" ht="20.25" customHeight="1" x14ac:dyDescent="0.15">
      <c r="AC902" s="87"/>
      <c r="AF902" s="91"/>
    </row>
    <row r="903" spans="1:32" ht="20.25" customHeight="1" x14ac:dyDescent="0.15">
      <c r="AC903" s="87"/>
      <c r="AF903" s="91"/>
    </row>
    <row r="904" spans="1:32" ht="20.25" customHeight="1" x14ac:dyDescent="0.15">
      <c r="AC904" s="87"/>
      <c r="AF904" s="91"/>
    </row>
    <row r="905" spans="1:32" ht="20.25" customHeight="1" x14ac:dyDescent="0.15">
      <c r="AC905" s="87"/>
      <c r="AF905" s="91"/>
    </row>
    <row r="906" spans="1:32" ht="20.25" customHeight="1" x14ac:dyDescent="0.15">
      <c r="AC906" s="87"/>
      <c r="AF906" s="91"/>
    </row>
    <row r="907" spans="1:32" ht="20.25" customHeight="1" x14ac:dyDescent="0.15">
      <c r="AC907" s="87"/>
      <c r="AF907" s="91"/>
    </row>
    <row r="908" spans="1:32" ht="20.25" customHeight="1" x14ac:dyDescent="0.15">
      <c r="AC908" s="87"/>
      <c r="AF908" s="91"/>
    </row>
    <row r="909" spans="1:32" ht="20.25" customHeight="1" x14ac:dyDescent="0.15">
      <c r="AC909" s="87"/>
      <c r="AF909" s="91"/>
    </row>
    <row r="910" spans="1:32" ht="20.25" customHeight="1" x14ac:dyDescent="0.15">
      <c r="AC910" s="87"/>
      <c r="AF910" s="91"/>
    </row>
    <row r="911" spans="1:32" ht="20.25" customHeight="1" x14ac:dyDescent="0.15">
      <c r="AC911" s="87"/>
      <c r="AF911" s="91"/>
    </row>
    <row r="912" spans="1:32" ht="20.25" customHeight="1" x14ac:dyDescent="0.15">
      <c r="AC912" s="87"/>
      <c r="AF912" s="91"/>
    </row>
    <row r="913" spans="29:32" ht="20.25" customHeight="1" x14ac:dyDescent="0.15">
      <c r="AC913" s="87"/>
      <c r="AF913" s="91"/>
    </row>
    <row r="914" spans="29:32" ht="20.25" customHeight="1" x14ac:dyDescent="0.15">
      <c r="AC914" s="87"/>
      <c r="AF914" s="91"/>
    </row>
    <row r="915" spans="29:32" ht="20.25" customHeight="1" x14ac:dyDescent="0.15">
      <c r="AC915" s="87"/>
      <c r="AF915" s="91"/>
    </row>
    <row r="916" spans="29:32" ht="20.25" customHeight="1" x14ac:dyDescent="0.15">
      <c r="AC916" s="87"/>
      <c r="AF916" s="91"/>
    </row>
    <row r="917" spans="29:32" ht="20.25" customHeight="1" x14ac:dyDescent="0.15">
      <c r="AC917" s="87"/>
      <c r="AF917" s="91"/>
    </row>
    <row r="918" spans="29:32" ht="20.25" customHeight="1" x14ac:dyDescent="0.15">
      <c r="AC918" s="87"/>
      <c r="AF918" s="91"/>
    </row>
    <row r="919" spans="29:32" ht="20.25" customHeight="1" x14ac:dyDescent="0.15">
      <c r="AC919" s="87"/>
      <c r="AF919" s="91"/>
    </row>
    <row r="920" spans="29:32" ht="20.25" customHeight="1" x14ac:dyDescent="0.15">
      <c r="AC920" s="87"/>
      <c r="AF920" s="91"/>
    </row>
    <row r="921" spans="29:32" ht="20.25" customHeight="1" x14ac:dyDescent="0.15">
      <c r="AC921" s="87"/>
      <c r="AF921" s="91"/>
    </row>
    <row r="922" spans="29:32" ht="20.25" customHeight="1" x14ac:dyDescent="0.15">
      <c r="AC922" s="87"/>
      <c r="AF922" s="91"/>
    </row>
    <row r="923" spans="29:32" ht="20.25" customHeight="1" x14ac:dyDescent="0.15">
      <c r="AC923" s="87"/>
      <c r="AF923" s="91"/>
    </row>
    <row r="924" spans="29:32" ht="20.25" customHeight="1" x14ac:dyDescent="0.15">
      <c r="AC924" s="87"/>
      <c r="AF924" s="91"/>
    </row>
    <row r="925" spans="29:32" ht="20.25" customHeight="1" x14ac:dyDescent="0.15">
      <c r="AC925" s="87"/>
      <c r="AF925" s="91"/>
    </row>
    <row r="926" spans="29:32" ht="20.25" customHeight="1" x14ac:dyDescent="0.15">
      <c r="AC926" s="87"/>
      <c r="AF926" s="91"/>
    </row>
    <row r="927" spans="29:32" ht="20.25" customHeight="1" x14ac:dyDescent="0.15">
      <c r="AC927" s="87"/>
      <c r="AF927" s="91"/>
    </row>
    <row r="928" spans="29:32" ht="20.25" customHeight="1" x14ac:dyDescent="0.15">
      <c r="AC928" s="87"/>
      <c r="AF928" s="91"/>
    </row>
    <row r="929" spans="1:32" ht="20.25" customHeight="1" x14ac:dyDescent="0.15">
      <c r="AC929" s="87"/>
      <c r="AF929" s="91"/>
    </row>
    <row r="930" spans="1:32" ht="20.25" customHeight="1" x14ac:dyDescent="0.15">
      <c r="AC930" s="87"/>
      <c r="AF930" s="91"/>
    </row>
    <row r="931" spans="1:32" ht="20.25" customHeight="1" x14ac:dyDescent="0.15">
      <c r="AC931" s="87"/>
      <c r="AF931" s="91"/>
    </row>
    <row r="932" spans="1:32" ht="20.25" customHeight="1" x14ac:dyDescent="0.15">
      <c r="AC932" s="87"/>
      <c r="AF932" s="91"/>
    </row>
    <row r="933" spans="1:32" ht="20.25" customHeight="1" x14ac:dyDescent="0.15">
      <c r="AC933" s="87"/>
      <c r="AF933" s="91"/>
    </row>
    <row r="934" spans="1:32" ht="20.25" customHeight="1" x14ac:dyDescent="0.15">
      <c r="AC934" s="87"/>
      <c r="AF934" s="91"/>
    </row>
    <row r="935" spans="1:32" ht="20.25" customHeight="1" x14ac:dyDescent="0.15">
      <c r="H935" s="94"/>
      <c r="AC935" s="87"/>
      <c r="AF935" s="91"/>
    </row>
    <row r="936" spans="1:32" ht="20.25" customHeight="1" x14ac:dyDescent="0.15">
      <c r="H936" s="94"/>
      <c r="AC936" s="87"/>
      <c r="AF936" s="91"/>
    </row>
    <row r="937" spans="1:32" ht="20.25" customHeight="1" x14ac:dyDescent="0.15">
      <c r="H937" s="94"/>
      <c r="AC937" s="87"/>
      <c r="AF937" s="91"/>
    </row>
    <row r="938" spans="1:32" ht="20.25" customHeight="1" x14ac:dyDescent="0.15">
      <c r="H938" s="94"/>
      <c r="AC938" s="87"/>
      <c r="AF938" s="91"/>
    </row>
    <row r="939" spans="1:32" ht="20.25" customHeight="1" x14ac:dyDescent="0.15">
      <c r="H939" s="94"/>
      <c r="AC939" s="87"/>
      <c r="AF939" s="91"/>
    </row>
    <row r="940" spans="1:32" ht="20.25" customHeight="1" x14ac:dyDescent="0.15">
      <c r="A940" s="89"/>
      <c r="B940" s="8"/>
      <c r="C940" s="8"/>
      <c r="D940" s="8"/>
      <c r="E940" s="8"/>
      <c r="F940" s="8"/>
      <c r="G940" s="92"/>
      <c r="H940" s="96"/>
      <c r="I940" s="86"/>
      <c r="J940" s="8"/>
      <c r="K940" s="8"/>
      <c r="L940" s="8"/>
      <c r="M940" s="8"/>
      <c r="N940" s="8"/>
      <c r="O940" s="8"/>
      <c r="P940" s="8"/>
      <c r="Q940" s="8"/>
      <c r="R940" s="8"/>
      <c r="S940" s="8"/>
      <c r="T940" s="8"/>
      <c r="U940" s="8"/>
      <c r="V940" s="8"/>
      <c r="W940" s="8"/>
      <c r="X940" s="8"/>
      <c r="Y940" s="8"/>
      <c r="Z940" s="8"/>
      <c r="AA940" s="8"/>
      <c r="AB940" s="92"/>
      <c r="AC940" s="86"/>
      <c r="AD940" s="8"/>
      <c r="AE940" s="8"/>
      <c r="AF940" s="92"/>
    </row>
    <row r="941" spans="1:32" ht="20.25" customHeight="1" x14ac:dyDescent="0.15">
      <c r="AC941" s="87"/>
      <c r="AF941" s="91"/>
    </row>
    <row r="942" spans="1:32" ht="20.25" customHeight="1" x14ac:dyDescent="0.15">
      <c r="AC942" s="87"/>
      <c r="AF942" s="91"/>
    </row>
    <row r="943" spans="1:32" ht="20.25" customHeight="1" x14ac:dyDescent="0.15">
      <c r="AC943" s="87"/>
      <c r="AF943" s="91"/>
    </row>
    <row r="944" spans="1:32" ht="20.25" customHeight="1" x14ac:dyDescent="0.15">
      <c r="AC944" s="87"/>
      <c r="AF944" s="91"/>
    </row>
    <row r="945" spans="29:32" ht="20.25" customHeight="1" x14ac:dyDescent="0.15">
      <c r="AC945" s="87"/>
      <c r="AF945" s="91"/>
    </row>
    <row r="946" spans="29:32" ht="20.25" customHeight="1" x14ac:dyDescent="0.15">
      <c r="AC946" s="87"/>
      <c r="AF946" s="91"/>
    </row>
    <row r="947" spans="29:32" ht="20.25" customHeight="1" x14ac:dyDescent="0.15">
      <c r="AC947" s="87"/>
      <c r="AF947" s="91"/>
    </row>
    <row r="948" spans="29:32" ht="20.25" customHeight="1" x14ac:dyDescent="0.15">
      <c r="AC948" s="87"/>
      <c r="AF948" s="91"/>
    </row>
    <row r="949" spans="29:32" ht="20.25" customHeight="1" x14ac:dyDescent="0.15">
      <c r="AC949" s="87"/>
      <c r="AF949" s="91"/>
    </row>
    <row r="950" spans="29:32" ht="20.25" customHeight="1" x14ac:dyDescent="0.15">
      <c r="AC950" s="87"/>
      <c r="AF950" s="91"/>
    </row>
    <row r="951" spans="29:32" ht="20.25" customHeight="1" x14ac:dyDescent="0.15">
      <c r="AC951" s="87"/>
      <c r="AF951" s="91"/>
    </row>
    <row r="952" spans="29:32" ht="20.25" customHeight="1" x14ac:dyDescent="0.15">
      <c r="AC952" s="87"/>
      <c r="AF952" s="91"/>
    </row>
    <row r="953" spans="29:32" ht="20.25" customHeight="1" x14ac:dyDescent="0.15">
      <c r="AC953" s="87"/>
      <c r="AF953" s="91"/>
    </row>
    <row r="954" spans="29:32" ht="20.25" customHeight="1" x14ac:dyDescent="0.15">
      <c r="AC954" s="87"/>
      <c r="AF954" s="91"/>
    </row>
    <row r="955" spans="29:32" ht="20.25" customHeight="1" x14ac:dyDescent="0.15">
      <c r="AC955" s="87"/>
      <c r="AF955" s="91"/>
    </row>
    <row r="956" spans="29:32" ht="20.25" customHeight="1" x14ac:dyDescent="0.15">
      <c r="AC956" s="87"/>
      <c r="AF956" s="91"/>
    </row>
    <row r="957" spans="29:32" ht="20.25" customHeight="1" x14ac:dyDescent="0.15">
      <c r="AC957" s="87"/>
      <c r="AF957" s="91"/>
    </row>
    <row r="958" spans="29:32" ht="20.25" customHeight="1" x14ac:dyDescent="0.15">
      <c r="AC958" s="87"/>
      <c r="AF958" s="91"/>
    </row>
    <row r="959" spans="29:32" ht="20.25" customHeight="1" x14ac:dyDescent="0.15">
      <c r="AC959" s="87"/>
      <c r="AF959" s="91"/>
    </row>
    <row r="960" spans="29:32" ht="20.25" customHeight="1" x14ac:dyDescent="0.15">
      <c r="AC960" s="87"/>
      <c r="AF960" s="91"/>
    </row>
    <row r="961" spans="1:32" ht="20.25" customHeight="1" x14ac:dyDescent="0.15">
      <c r="AC961" s="87"/>
      <c r="AF961" s="91"/>
    </row>
    <row r="962" spans="1:32" ht="20.25" customHeight="1" x14ac:dyDescent="0.15">
      <c r="AC962" s="87"/>
      <c r="AF962" s="91"/>
    </row>
    <row r="963" spans="1:32" ht="20.25" customHeight="1" x14ac:dyDescent="0.15">
      <c r="AC963" s="87"/>
      <c r="AF963" s="91"/>
    </row>
    <row r="964" spans="1:32" ht="20.25" customHeight="1" x14ac:dyDescent="0.15">
      <c r="H964" s="94"/>
      <c r="AC964" s="87"/>
      <c r="AF964" s="91"/>
    </row>
    <row r="965" spans="1:32" ht="20.25" customHeight="1" x14ac:dyDescent="0.15">
      <c r="H965" s="94"/>
      <c r="AC965" s="87"/>
      <c r="AF965" s="91"/>
    </row>
    <row r="966" spans="1:32" ht="20.25" customHeight="1" x14ac:dyDescent="0.15">
      <c r="H966" s="94"/>
      <c r="AC966" s="87"/>
      <c r="AF966" s="91"/>
    </row>
    <row r="967" spans="1:32" ht="20.25" customHeight="1" x14ac:dyDescent="0.15">
      <c r="H967" s="94"/>
      <c r="AC967" s="87"/>
      <c r="AF967" s="91"/>
    </row>
    <row r="968" spans="1:32" ht="20.25" customHeight="1" x14ac:dyDescent="0.15">
      <c r="H968" s="94"/>
      <c r="AC968" s="87"/>
      <c r="AF968" s="91"/>
    </row>
    <row r="969" spans="1:32" ht="20.25" customHeight="1" x14ac:dyDescent="0.15">
      <c r="A969" s="89"/>
      <c r="B969" s="8"/>
      <c r="C969" s="8"/>
      <c r="D969" s="8"/>
      <c r="E969" s="8"/>
      <c r="F969" s="8"/>
      <c r="G969" s="92"/>
      <c r="H969" s="96"/>
      <c r="I969" s="86"/>
      <c r="J969" s="8"/>
      <c r="K969" s="8"/>
      <c r="L969" s="8"/>
      <c r="M969" s="8"/>
      <c r="N969" s="8"/>
      <c r="O969" s="8"/>
      <c r="P969" s="8"/>
      <c r="Q969" s="8"/>
      <c r="R969" s="8"/>
      <c r="S969" s="8"/>
      <c r="T969" s="8"/>
      <c r="U969" s="8"/>
      <c r="V969" s="8"/>
      <c r="W969" s="8"/>
      <c r="X969" s="8"/>
      <c r="Y969" s="8"/>
      <c r="Z969" s="8"/>
      <c r="AA969" s="8"/>
      <c r="AB969" s="92"/>
      <c r="AC969" s="86"/>
      <c r="AD969" s="8"/>
      <c r="AE969" s="8"/>
      <c r="AF969" s="92"/>
    </row>
  </sheetData>
  <mergeCells count="16">
    <mergeCell ref="B15:G15"/>
    <mergeCell ref="B68:Q68"/>
    <mergeCell ref="B14:K14"/>
    <mergeCell ref="B32:G32"/>
    <mergeCell ref="B62:G62"/>
    <mergeCell ref="B63:G63"/>
    <mergeCell ref="B34:K34"/>
    <mergeCell ref="B67:Q67"/>
    <mergeCell ref="B66:Q66"/>
    <mergeCell ref="B64:G64"/>
    <mergeCell ref="B65:G65"/>
    <mergeCell ref="B54:Q54"/>
    <mergeCell ref="B55:G55"/>
    <mergeCell ref="B58:Q58"/>
    <mergeCell ref="B59:M59"/>
    <mergeCell ref="B60:G60"/>
  </mergeCells>
  <phoneticPr fontId="1"/>
  <printOptions horizontalCentered="1"/>
  <pageMargins left="0.23622047244094491" right="0.23622047244094491" top="0.74803149606299213" bottom="0.74803149606299213" header="0.31496062992125984" footer="0.31496062992125984"/>
  <pageSetup paperSize="9" scale="58" fitToHeight="0" orientation="landscape" cellComments="asDisplayed" r:id="rId1"/>
  <headerFooter alignWithMargins="0"/>
  <rowBreaks count="2" manualBreakCount="2">
    <brk id="36" max="16"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16"/>
  <sheetViews>
    <sheetView view="pageBreakPreview" zoomScale="70" zoomScaleNormal="70" zoomScaleSheetLayoutView="70" workbookViewId="0">
      <selection activeCell="C29" sqref="C29:C31"/>
    </sheetView>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5" style="1" customWidth="1"/>
    <col min="9" max="23" width="4.875" style="1" customWidth="1"/>
    <col min="24" max="24" width="6.375" style="1" customWidth="1"/>
    <col min="25" max="29" width="4.875" style="1" customWidth="1"/>
    <col min="30" max="30" width="8.125" style="1" customWidth="1"/>
    <col min="31" max="32" width="4.875" style="1" customWidth="1"/>
    <col min="33" max="33" width="13.375" style="1" bestFit="1" customWidth="1"/>
    <col min="34" max="16384" width="9" style="1"/>
  </cols>
  <sheetData>
    <row r="1" spans="1:32" x14ac:dyDescent="0.15">
      <c r="A1" s="105"/>
      <c r="B1" s="105"/>
      <c r="C1" s="101"/>
      <c r="D1" s="101"/>
      <c r="E1" s="101"/>
      <c r="F1" s="101"/>
      <c r="G1" s="101"/>
      <c r="H1" s="101"/>
      <c r="I1" s="101"/>
      <c r="J1" s="101"/>
      <c r="K1" s="101"/>
      <c r="L1" s="101"/>
      <c r="M1" s="101"/>
      <c r="N1" s="101"/>
      <c r="O1" s="101"/>
      <c r="P1" s="101"/>
      <c r="Q1" s="101"/>
      <c r="R1" s="101"/>
      <c r="S1" s="101"/>
      <c r="T1" s="101"/>
      <c r="U1" s="101"/>
      <c r="V1" s="101"/>
      <c r="W1" s="101"/>
      <c r="X1" s="101"/>
      <c r="Y1" s="101"/>
      <c r="Z1" s="101"/>
      <c r="AA1" s="101"/>
      <c r="AB1" s="101"/>
      <c r="AC1" s="101"/>
      <c r="AD1" s="101"/>
      <c r="AE1" s="101"/>
      <c r="AF1" s="101"/>
    </row>
    <row r="2" spans="1:32" ht="20.25" customHeight="1" x14ac:dyDescent="0.15">
      <c r="A2" s="266" t="s">
        <v>227</v>
      </c>
      <c r="B2" s="266"/>
      <c r="C2" s="101"/>
      <c r="D2" s="101"/>
      <c r="E2" s="101"/>
      <c r="F2" s="101"/>
      <c r="G2" s="101"/>
      <c r="H2" s="101"/>
      <c r="I2" s="101"/>
      <c r="J2" s="101"/>
      <c r="K2" s="101"/>
      <c r="L2" s="101"/>
      <c r="M2" s="101"/>
      <c r="N2" s="101"/>
      <c r="O2" s="101"/>
      <c r="P2" s="101"/>
      <c r="Q2" s="101"/>
      <c r="R2" s="101"/>
      <c r="S2" s="101"/>
      <c r="T2" s="101"/>
      <c r="U2" s="101"/>
      <c r="V2" s="101"/>
      <c r="W2" s="101"/>
      <c r="X2" s="101"/>
      <c r="Y2" s="101"/>
      <c r="Z2" s="101"/>
      <c r="AA2" s="101"/>
      <c r="AB2" s="101"/>
      <c r="AC2" s="101"/>
      <c r="AD2" s="101"/>
      <c r="AE2" s="101"/>
      <c r="AF2" s="101"/>
    </row>
    <row r="3" spans="1:32" ht="20.25" customHeight="1" x14ac:dyDescent="0.15">
      <c r="A3" s="387" t="s">
        <v>228</v>
      </c>
      <c r="B3" s="387"/>
      <c r="C3" s="387"/>
      <c r="D3" s="387"/>
      <c r="E3" s="387"/>
      <c r="F3" s="387"/>
      <c r="G3" s="387"/>
      <c r="H3" s="387"/>
      <c r="I3" s="387"/>
      <c r="J3" s="387"/>
      <c r="K3" s="387"/>
      <c r="L3" s="387"/>
      <c r="M3" s="387"/>
      <c r="N3" s="387"/>
      <c r="O3" s="387"/>
      <c r="P3" s="387"/>
      <c r="Q3" s="387"/>
      <c r="R3" s="387"/>
      <c r="S3" s="387"/>
      <c r="T3" s="387"/>
      <c r="U3" s="387"/>
      <c r="V3" s="387"/>
      <c r="W3" s="387"/>
      <c r="X3" s="387"/>
      <c r="Y3" s="387"/>
      <c r="Z3" s="387"/>
      <c r="AA3" s="387"/>
      <c r="AB3" s="387"/>
      <c r="AC3" s="387"/>
      <c r="AD3" s="387"/>
      <c r="AE3" s="387"/>
      <c r="AF3" s="387"/>
    </row>
    <row r="4" spans="1:32" ht="20.25" customHeight="1" x14ac:dyDescent="0.15">
      <c r="A4" s="105"/>
      <c r="B4" s="105"/>
      <c r="C4" s="101"/>
      <c r="D4" s="101"/>
      <c r="E4" s="101"/>
      <c r="F4" s="101"/>
      <c r="G4" s="101"/>
      <c r="H4" s="101"/>
      <c r="I4" s="101"/>
      <c r="J4" s="101"/>
      <c r="K4" s="101"/>
      <c r="L4" s="101"/>
      <c r="M4" s="101"/>
      <c r="N4" s="101"/>
      <c r="O4" s="101"/>
      <c r="P4" s="101"/>
      <c r="Q4" s="101"/>
      <c r="R4" s="101"/>
      <c r="S4" s="101"/>
      <c r="T4" s="101"/>
      <c r="U4" s="101"/>
      <c r="V4" s="101"/>
      <c r="W4" s="101"/>
      <c r="X4" s="101"/>
      <c r="Y4" s="101"/>
      <c r="Z4" s="101"/>
      <c r="AA4" s="101"/>
      <c r="AB4" s="101"/>
      <c r="AC4" s="101"/>
      <c r="AD4" s="101"/>
      <c r="AE4" s="101"/>
      <c r="AF4" s="101"/>
    </row>
    <row r="5" spans="1:32" ht="30" customHeight="1" x14ac:dyDescent="0.15">
      <c r="A5" s="105"/>
      <c r="B5" s="105"/>
      <c r="C5" s="101"/>
      <c r="D5" s="101"/>
      <c r="E5" s="101"/>
      <c r="F5" s="101"/>
      <c r="G5" s="101"/>
      <c r="H5" s="101"/>
      <c r="I5" s="101"/>
      <c r="J5" s="101"/>
      <c r="K5" s="101"/>
      <c r="L5" s="101"/>
      <c r="M5" s="101"/>
      <c r="N5" s="101"/>
      <c r="O5" s="101"/>
      <c r="P5" s="101"/>
      <c r="Q5" s="101"/>
      <c r="R5" s="101"/>
      <c r="S5" s="388" t="s">
        <v>2</v>
      </c>
      <c r="T5" s="389"/>
      <c r="U5" s="389"/>
      <c r="V5" s="390"/>
      <c r="W5" s="267"/>
      <c r="X5" s="107"/>
      <c r="Y5" s="107"/>
      <c r="Z5" s="107"/>
      <c r="AA5" s="107"/>
      <c r="AB5" s="107"/>
      <c r="AC5" s="107"/>
      <c r="AD5" s="107"/>
      <c r="AE5" s="107"/>
      <c r="AF5" s="108"/>
    </row>
    <row r="6" spans="1:32" ht="20.25" customHeight="1" x14ac:dyDescent="0.15">
      <c r="A6" s="105"/>
      <c r="B6" s="105"/>
      <c r="C6" s="101"/>
      <c r="D6" s="101"/>
      <c r="E6" s="101"/>
      <c r="F6" s="101"/>
      <c r="G6" s="101"/>
      <c r="H6" s="101"/>
      <c r="I6" s="101"/>
      <c r="J6" s="101"/>
      <c r="K6" s="101"/>
      <c r="L6" s="101"/>
      <c r="M6" s="101"/>
      <c r="N6" s="101"/>
      <c r="O6" s="101"/>
      <c r="P6" s="101"/>
      <c r="Q6" s="101"/>
      <c r="R6" s="101"/>
      <c r="S6" s="101"/>
      <c r="T6" s="101"/>
      <c r="U6" s="101"/>
      <c r="V6" s="101"/>
      <c r="W6" s="101"/>
      <c r="X6" s="101"/>
      <c r="Y6" s="101"/>
      <c r="Z6" s="101"/>
      <c r="AA6" s="101"/>
      <c r="AB6" s="101"/>
      <c r="AC6" s="101"/>
      <c r="AD6" s="101"/>
      <c r="AE6" s="101"/>
      <c r="AF6" s="101"/>
    </row>
    <row r="7" spans="1:32" ht="17.25" customHeight="1" x14ac:dyDescent="0.15">
      <c r="A7" s="388" t="s">
        <v>152</v>
      </c>
      <c r="B7" s="389"/>
      <c r="C7" s="390"/>
      <c r="D7" s="388" t="s">
        <v>4</v>
      </c>
      <c r="E7" s="390"/>
      <c r="F7" s="388" t="s">
        <v>5</v>
      </c>
      <c r="G7" s="390"/>
      <c r="H7" s="388" t="s">
        <v>229</v>
      </c>
      <c r="I7" s="389"/>
      <c r="J7" s="389"/>
      <c r="K7" s="389"/>
      <c r="L7" s="389"/>
      <c r="M7" s="389"/>
      <c r="N7" s="389"/>
      <c r="O7" s="389"/>
      <c r="P7" s="389"/>
      <c r="Q7" s="389"/>
      <c r="R7" s="389"/>
      <c r="S7" s="389"/>
      <c r="T7" s="389"/>
      <c r="U7" s="389"/>
      <c r="V7" s="389"/>
      <c r="W7" s="389"/>
      <c r="X7" s="390"/>
      <c r="Y7" s="388" t="s">
        <v>7</v>
      </c>
      <c r="Z7" s="389"/>
      <c r="AA7" s="389"/>
      <c r="AB7" s="390"/>
      <c r="AC7" s="388" t="s">
        <v>8</v>
      </c>
      <c r="AD7" s="389"/>
      <c r="AE7" s="389"/>
      <c r="AF7" s="390"/>
    </row>
    <row r="8" spans="1:32" ht="18.75" customHeight="1" x14ac:dyDescent="0.15">
      <c r="A8" s="399" t="s">
        <v>9</v>
      </c>
      <c r="B8" s="400"/>
      <c r="C8" s="401"/>
      <c r="D8" s="249"/>
      <c r="E8" s="211"/>
      <c r="F8" s="120"/>
      <c r="G8" s="211"/>
      <c r="H8" s="405" t="s">
        <v>10</v>
      </c>
      <c r="I8" s="123" t="s">
        <v>11</v>
      </c>
      <c r="J8" s="110" t="s">
        <v>12</v>
      </c>
      <c r="K8" s="111"/>
      <c r="L8" s="111"/>
      <c r="M8" s="123" t="s">
        <v>11</v>
      </c>
      <c r="N8" s="110" t="s">
        <v>13</v>
      </c>
      <c r="O8" s="111"/>
      <c r="P8" s="111"/>
      <c r="Q8" s="123" t="s">
        <v>11</v>
      </c>
      <c r="R8" s="110" t="s">
        <v>14</v>
      </c>
      <c r="S8" s="111"/>
      <c r="T8" s="111"/>
      <c r="U8" s="123" t="s">
        <v>11</v>
      </c>
      <c r="V8" s="110" t="s">
        <v>15</v>
      </c>
      <c r="W8" s="111"/>
      <c r="X8" s="112"/>
      <c r="Y8" s="407"/>
      <c r="Z8" s="408"/>
      <c r="AA8" s="408"/>
      <c r="AB8" s="409"/>
      <c r="AC8" s="407"/>
      <c r="AD8" s="408"/>
      <c r="AE8" s="408"/>
      <c r="AF8" s="409"/>
    </row>
    <row r="9" spans="1:32" ht="18.75" customHeight="1" x14ac:dyDescent="0.15">
      <c r="A9" s="429"/>
      <c r="B9" s="430"/>
      <c r="C9" s="431"/>
      <c r="D9" s="251"/>
      <c r="E9" s="213"/>
      <c r="F9" s="174"/>
      <c r="G9" s="213"/>
      <c r="H9" s="432"/>
      <c r="I9" s="178" t="s">
        <v>11</v>
      </c>
      <c r="J9" s="179" t="s">
        <v>16</v>
      </c>
      <c r="K9" s="252"/>
      <c r="L9" s="252"/>
      <c r="M9" s="180" t="s">
        <v>11</v>
      </c>
      <c r="N9" s="179" t="s">
        <v>17</v>
      </c>
      <c r="O9" s="252"/>
      <c r="P9" s="252"/>
      <c r="Q9" s="180" t="s">
        <v>11</v>
      </c>
      <c r="R9" s="179" t="s">
        <v>18</v>
      </c>
      <c r="S9" s="252"/>
      <c r="T9" s="252"/>
      <c r="U9" s="180" t="s">
        <v>11</v>
      </c>
      <c r="V9" s="179" t="s">
        <v>19</v>
      </c>
      <c r="W9" s="252"/>
      <c r="X9" s="175"/>
      <c r="Y9" s="433"/>
      <c r="Z9" s="434"/>
      <c r="AA9" s="434"/>
      <c r="AB9" s="435"/>
      <c r="AC9" s="433"/>
      <c r="AD9" s="434"/>
      <c r="AE9" s="434"/>
      <c r="AF9" s="435"/>
    </row>
    <row r="10" spans="1:32" ht="19.5" customHeight="1" x14ac:dyDescent="0.15">
      <c r="A10" s="278" t="s">
        <v>11</v>
      </c>
      <c r="B10" s="118">
        <v>46</v>
      </c>
      <c r="C10" s="119" t="s">
        <v>240</v>
      </c>
      <c r="D10" s="278" t="s">
        <v>11</v>
      </c>
      <c r="E10" s="112" t="s">
        <v>241</v>
      </c>
      <c r="F10" s="279"/>
      <c r="G10" s="280"/>
      <c r="H10" s="441"/>
      <c r="I10" s="443"/>
      <c r="J10" s="445"/>
      <c r="K10" s="445"/>
      <c r="L10" s="445"/>
      <c r="M10" s="447"/>
      <c r="N10" s="445"/>
      <c r="O10" s="445"/>
      <c r="P10" s="445"/>
      <c r="Q10" s="281"/>
      <c r="R10" s="281"/>
      <c r="S10" s="281"/>
      <c r="T10" s="281"/>
      <c r="U10" s="281"/>
      <c r="V10" s="281"/>
      <c r="W10" s="281"/>
      <c r="X10" s="282"/>
      <c r="Y10" s="283" t="s">
        <v>11</v>
      </c>
      <c r="Z10" s="110" t="s">
        <v>239</v>
      </c>
      <c r="AA10" s="284"/>
      <c r="AB10" s="285"/>
      <c r="AC10" s="407"/>
      <c r="AD10" s="408"/>
      <c r="AE10" s="408"/>
      <c r="AF10" s="409"/>
    </row>
    <row r="11" spans="1:32" ht="18.75" customHeight="1" x14ac:dyDescent="0.15">
      <c r="A11" s="286"/>
      <c r="B11" s="287"/>
      <c r="C11" s="288"/>
      <c r="D11" s="289"/>
      <c r="E11" s="290"/>
      <c r="F11" s="291"/>
      <c r="G11" s="292"/>
      <c r="H11" s="442"/>
      <c r="I11" s="444"/>
      <c r="J11" s="446"/>
      <c r="K11" s="446"/>
      <c r="L11" s="446"/>
      <c r="M11" s="448"/>
      <c r="N11" s="446"/>
      <c r="O11" s="446"/>
      <c r="P11" s="446"/>
      <c r="Q11" s="293"/>
      <c r="R11" s="293"/>
      <c r="S11" s="293"/>
      <c r="T11" s="293"/>
      <c r="U11" s="293"/>
      <c r="V11" s="293"/>
      <c r="W11" s="293"/>
      <c r="X11" s="294"/>
      <c r="Y11" s="295" t="s">
        <v>11</v>
      </c>
      <c r="Z11" s="179" t="s">
        <v>21</v>
      </c>
      <c r="AA11" s="296"/>
      <c r="AB11" s="297"/>
      <c r="AC11" s="433"/>
      <c r="AD11" s="434"/>
      <c r="AE11" s="434"/>
      <c r="AF11" s="435"/>
    </row>
    <row r="12" spans="1:32" ht="18.75" customHeight="1" x14ac:dyDescent="0.15">
      <c r="A12" s="127"/>
      <c r="B12" s="128"/>
      <c r="C12" s="129"/>
      <c r="D12" s="130"/>
      <c r="E12" s="116"/>
      <c r="F12" s="236"/>
      <c r="G12" s="238"/>
      <c r="H12" s="224" t="s">
        <v>118</v>
      </c>
      <c r="I12" s="143" t="s">
        <v>11</v>
      </c>
      <c r="J12" s="144" t="s">
        <v>25</v>
      </c>
      <c r="K12" s="145"/>
      <c r="L12" s="147" t="s">
        <v>11</v>
      </c>
      <c r="M12" s="144" t="s">
        <v>29</v>
      </c>
      <c r="N12" s="145"/>
      <c r="O12" s="145"/>
      <c r="P12" s="145"/>
      <c r="Q12" s="145"/>
      <c r="R12" s="145"/>
      <c r="S12" s="145"/>
      <c r="T12" s="145"/>
      <c r="U12" s="145"/>
      <c r="V12" s="145"/>
      <c r="W12" s="145"/>
      <c r="X12" s="152"/>
      <c r="Y12" s="123" t="s">
        <v>11</v>
      </c>
      <c r="Z12" s="110" t="s">
        <v>239</v>
      </c>
      <c r="AA12" s="275"/>
      <c r="AB12" s="136"/>
      <c r="AC12" s="410"/>
      <c r="AD12" s="411"/>
      <c r="AE12" s="411"/>
      <c r="AF12" s="412"/>
    </row>
    <row r="13" spans="1:32" ht="18.75" customHeight="1" x14ac:dyDescent="0.15">
      <c r="A13" s="298" t="s">
        <v>11</v>
      </c>
      <c r="B13" s="128">
        <v>46</v>
      </c>
      <c r="C13" s="129" t="s">
        <v>240</v>
      </c>
      <c r="D13" s="298" t="s">
        <v>11</v>
      </c>
      <c r="E13" s="116" t="s">
        <v>242</v>
      </c>
      <c r="F13" s="236"/>
      <c r="G13" s="238"/>
      <c r="H13" s="395" t="s">
        <v>63</v>
      </c>
      <c r="I13" s="436" t="s">
        <v>11</v>
      </c>
      <c r="J13" s="421" t="s">
        <v>31</v>
      </c>
      <c r="K13" s="421"/>
      <c r="L13" s="421"/>
      <c r="M13" s="436" t="s">
        <v>11</v>
      </c>
      <c r="N13" s="421" t="s">
        <v>32</v>
      </c>
      <c r="O13" s="421"/>
      <c r="P13" s="421"/>
      <c r="Q13" s="169"/>
      <c r="R13" s="169"/>
      <c r="S13" s="169"/>
      <c r="T13" s="169"/>
      <c r="U13" s="169"/>
      <c r="V13" s="169"/>
      <c r="W13" s="169"/>
      <c r="X13" s="170"/>
      <c r="Y13" s="109" t="s">
        <v>11</v>
      </c>
      <c r="Z13" s="114" t="s">
        <v>21</v>
      </c>
      <c r="AA13" s="135"/>
      <c r="AB13" s="136"/>
      <c r="AC13" s="410"/>
      <c r="AD13" s="411"/>
      <c r="AE13" s="411"/>
      <c r="AF13" s="412"/>
    </row>
    <row r="14" spans="1:32" ht="18.75" customHeight="1" x14ac:dyDescent="0.15">
      <c r="A14" s="127"/>
      <c r="B14" s="128"/>
      <c r="C14" s="129"/>
      <c r="D14" s="130"/>
      <c r="E14" s="116"/>
      <c r="F14" s="236"/>
      <c r="G14" s="238"/>
      <c r="H14" s="396"/>
      <c r="I14" s="437"/>
      <c r="J14" s="422"/>
      <c r="K14" s="422"/>
      <c r="L14" s="422"/>
      <c r="M14" s="437"/>
      <c r="N14" s="422"/>
      <c r="O14" s="422"/>
      <c r="P14" s="422"/>
      <c r="Q14" s="160"/>
      <c r="R14" s="160"/>
      <c r="S14" s="160"/>
      <c r="T14" s="160"/>
      <c r="U14" s="160"/>
      <c r="V14" s="160"/>
      <c r="W14" s="160"/>
      <c r="X14" s="161"/>
      <c r="Y14" s="141"/>
      <c r="Z14" s="135"/>
      <c r="AA14" s="135"/>
      <c r="AB14" s="136"/>
      <c r="AC14" s="410"/>
      <c r="AD14" s="411"/>
      <c r="AE14" s="411"/>
      <c r="AF14" s="412"/>
    </row>
    <row r="15" spans="1:32" ht="18.75" customHeight="1" x14ac:dyDescent="0.15">
      <c r="A15" s="127"/>
      <c r="B15" s="128"/>
      <c r="C15" s="129"/>
      <c r="D15" s="130"/>
      <c r="E15" s="116"/>
      <c r="F15" s="236"/>
      <c r="G15" s="238"/>
      <c r="H15" s="395" t="s">
        <v>64</v>
      </c>
      <c r="I15" s="439" t="s">
        <v>11</v>
      </c>
      <c r="J15" s="424" t="s">
        <v>31</v>
      </c>
      <c r="K15" s="424"/>
      <c r="L15" s="424"/>
      <c r="M15" s="449" t="s">
        <v>11</v>
      </c>
      <c r="N15" s="424" t="s">
        <v>123</v>
      </c>
      <c r="O15" s="424"/>
      <c r="P15" s="424"/>
      <c r="Q15" s="169"/>
      <c r="R15" s="169"/>
      <c r="S15" s="169"/>
      <c r="T15" s="169"/>
      <c r="U15" s="169"/>
      <c r="V15" s="169"/>
      <c r="W15" s="169"/>
      <c r="X15" s="170"/>
      <c r="Y15" s="141"/>
      <c r="Z15" s="135"/>
      <c r="AA15" s="135"/>
      <c r="AB15" s="136"/>
      <c r="AC15" s="410"/>
      <c r="AD15" s="411"/>
      <c r="AE15" s="411"/>
      <c r="AF15" s="412"/>
    </row>
    <row r="16" spans="1:32" ht="18.75" customHeight="1" x14ac:dyDescent="0.15">
      <c r="A16" s="171"/>
      <c r="B16" s="172"/>
      <c r="C16" s="173"/>
      <c r="D16" s="174"/>
      <c r="E16" s="175"/>
      <c r="F16" s="239"/>
      <c r="G16" s="234"/>
      <c r="H16" s="438"/>
      <c r="I16" s="440"/>
      <c r="J16" s="428"/>
      <c r="K16" s="428"/>
      <c r="L16" s="428"/>
      <c r="M16" s="450"/>
      <c r="N16" s="428"/>
      <c r="O16" s="428"/>
      <c r="P16" s="428"/>
      <c r="Q16" s="233"/>
      <c r="R16" s="233"/>
      <c r="S16" s="233"/>
      <c r="T16" s="233"/>
      <c r="U16" s="233"/>
      <c r="V16" s="233"/>
      <c r="W16" s="233"/>
      <c r="X16" s="234"/>
      <c r="Y16" s="186"/>
      <c r="Z16" s="184"/>
      <c r="AA16" s="184"/>
      <c r="AB16" s="185"/>
      <c r="AC16" s="433"/>
      <c r="AD16" s="434"/>
      <c r="AE16" s="434"/>
      <c r="AF16" s="435"/>
    </row>
  </sheetData>
  <mergeCells count="29">
    <mergeCell ref="H10:H11"/>
    <mergeCell ref="I10:I11"/>
    <mergeCell ref="J10:L11"/>
    <mergeCell ref="M10:M11"/>
    <mergeCell ref="N10:P11"/>
    <mergeCell ref="I13:I14"/>
    <mergeCell ref="J13:L14"/>
    <mergeCell ref="M13:M14"/>
    <mergeCell ref="N13:P14"/>
    <mergeCell ref="H15:H16"/>
    <mergeCell ref="I15:I16"/>
    <mergeCell ref="J15:L16"/>
    <mergeCell ref="M15:M16"/>
    <mergeCell ref="N15:P16"/>
    <mergeCell ref="A3:AF3"/>
    <mergeCell ref="S5:V5"/>
    <mergeCell ref="A7:C7"/>
    <mergeCell ref="D7:E7"/>
    <mergeCell ref="F7:G7"/>
    <mergeCell ref="H7:X7"/>
    <mergeCell ref="Y7:AB7"/>
    <mergeCell ref="AC7:AF7"/>
    <mergeCell ref="A8:C9"/>
    <mergeCell ref="H8:H9"/>
    <mergeCell ref="Y8:AB9"/>
    <mergeCell ref="AC8:AF9"/>
    <mergeCell ref="AC10:AF11"/>
    <mergeCell ref="AC12:AF16"/>
    <mergeCell ref="H13:H14"/>
  </mergeCells>
  <phoneticPr fontId="1"/>
  <dataValidations count="1">
    <dataValidation type="list" allowBlank="1" showInputMessage="1" showErrorMessage="1" sqref="Q8:Q9 D13 D10 A10 A13 L12 M13:M16 I8:I10 U8:U9 M8:M10">
      <formula1>"□,■"</formula1>
    </dataValidation>
  </dataValidations>
  <pageMargins left="0.7" right="0.7" top="0.75" bottom="0.75" header="0.3" footer="0.3"/>
  <pageSetup paperSize="9" scale="51"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123"/>
  <sheetViews>
    <sheetView view="pageBreakPreview" zoomScale="70" zoomScaleNormal="100" zoomScaleSheetLayoutView="70" workbookViewId="0">
      <selection activeCell="E13" sqref="E13"/>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1" width="5.375" style="1" customWidth="1"/>
    <col min="12" max="14" width="6.5" style="1" customWidth="1"/>
    <col min="15" max="15" width="5.375" style="1" customWidth="1"/>
    <col min="16" max="16384" width="9" style="1"/>
  </cols>
  <sheetData>
    <row r="1" spans="1:15" ht="20.25" customHeight="1" x14ac:dyDescent="0.15">
      <c r="A1" s="261"/>
      <c r="B1" s="262" t="s">
        <v>243</v>
      </c>
      <c r="C1" s="261"/>
      <c r="D1" s="261"/>
      <c r="E1" s="261"/>
      <c r="F1" s="261"/>
      <c r="G1" s="261"/>
      <c r="H1" s="261"/>
      <c r="I1" s="261"/>
      <c r="J1" s="261"/>
      <c r="K1" s="261"/>
      <c r="L1" s="101"/>
      <c r="M1" s="101"/>
      <c r="N1" s="101"/>
      <c r="O1" s="101"/>
    </row>
    <row r="2" spans="1:15" ht="20.25" customHeight="1" x14ac:dyDescent="0.15">
      <c r="A2" s="105"/>
      <c r="B2" s="101"/>
      <c r="C2" s="101"/>
      <c r="D2" s="101"/>
      <c r="E2" s="101"/>
      <c r="F2" s="101"/>
      <c r="G2" s="101"/>
      <c r="H2" s="101"/>
      <c r="I2" s="101"/>
      <c r="J2" s="101"/>
      <c r="K2" s="101"/>
      <c r="L2" s="101"/>
      <c r="M2" s="101"/>
      <c r="N2" s="101"/>
      <c r="O2" s="101"/>
    </row>
    <row r="3" spans="1:15" ht="21" customHeight="1" x14ac:dyDescent="0.15">
      <c r="A3" s="259"/>
      <c r="B3" s="418" t="s">
        <v>244</v>
      </c>
      <c r="C3" s="418"/>
      <c r="D3" s="418"/>
      <c r="E3" s="418"/>
      <c r="F3" s="418"/>
      <c r="G3" s="418"/>
      <c r="H3" s="418"/>
      <c r="I3" s="418"/>
      <c r="J3" s="418"/>
      <c r="K3" s="418"/>
      <c r="L3" s="418"/>
      <c r="M3" s="418"/>
      <c r="N3" s="418"/>
      <c r="O3" s="101"/>
    </row>
    <row r="4" spans="1:15" ht="20.25" customHeight="1" x14ac:dyDescent="0.15">
      <c r="A4" s="259"/>
      <c r="B4" s="114" t="s">
        <v>158</v>
      </c>
      <c r="C4" s="260"/>
      <c r="D4" s="260"/>
      <c r="E4" s="260"/>
      <c r="F4" s="260"/>
      <c r="G4" s="260"/>
      <c r="H4" s="260"/>
      <c r="I4" s="260"/>
      <c r="J4" s="260"/>
      <c r="K4" s="260"/>
      <c r="L4" s="101"/>
      <c r="M4" s="101"/>
      <c r="N4" s="101"/>
      <c r="O4" s="101"/>
    </row>
    <row r="5" spans="1:15" ht="20.25" customHeight="1" x14ac:dyDescent="0.15">
      <c r="A5" s="259"/>
      <c r="B5" s="114" t="s">
        <v>245</v>
      </c>
      <c r="C5" s="260"/>
      <c r="D5" s="260"/>
      <c r="E5" s="260"/>
      <c r="F5" s="260"/>
      <c r="G5" s="260"/>
      <c r="H5" s="260"/>
      <c r="I5" s="260"/>
      <c r="J5" s="260"/>
      <c r="K5" s="260"/>
      <c r="L5" s="101"/>
      <c r="M5" s="101"/>
      <c r="N5" s="101"/>
      <c r="O5" s="101"/>
    </row>
    <row r="6" spans="1:15" ht="20.25" customHeight="1" x14ac:dyDescent="0.15">
      <c r="A6" s="259"/>
      <c r="B6" s="114" t="s">
        <v>246</v>
      </c>
      <c r="C6" s="260"/>
      <c r="D6" s="260"/>
      <c r="E6" s="260"/>
      <c r="F6" s="260"/>
      <c r="G6" s="260"/>
      <c r="H6" s="260"/>
      <c r="I6" s="260"/>
      <c r="J6" s="260"/>
      <c r="K6" s="260"/>
      <c r="L6" s="101"/>
      <c r="M6" s="101"/>
      <c r="N6" s="101"/>
      <c r="O6" s="101"/>
    </row>
    <row r="7" spans="1:15" ht="21" customHeight="1" x14ac:dyDescent="0.15">
      <c r="A7" s="259"/>
      <c r="B7" s="451" t="s">
        <v>247</v>
      </c>
      <c r="C7" s="451"/>
      <c r="D7" s="451"/>
      <c r="E7" s="451"/>
      <c r="F7" s="451"/>
      <c r="G7" s="451"/>
      <c r="H7" s="451"/>
      <c r="I7" s="451"/>
      <c r="J7" s="451"/>
      <c r="K7" s="451"/>
      <c r="L7" s="451"/>
      <c r="M7" s="451"/>
      <c r="N7" s="451"/>
      <c r="O7" s="101"/>
    </row>
    <row r="8" spans="1:15" ht="20.25" customHeight="1" x14ac:dyDescent="0.15">
      <c r="A8" s="259"/>
      <c r="B8" s="114" t="s">
        <v>248</v>
      </c>
      <c r="C8" s="260"/>
      <c r="D8" s="260"/>
      <c r="E8" s="260"/>
      <c r="F8" s="260"/>
      <c r="G8" s="260"/>
      <c r="H8" s="260"/>
      <c r="I8" s="260"/>
      <c r="J8" s="260"/>
      <c r="K8" s="260"/>
      <c r="L8" s="101"/>
      <c r="M8" s="101"/>
      <c r="N8" s="101"/>
      <c r="O8" s="101"/>
    </row>
    <row r="9" spans="1:15" ht="20.25" customHeight="1" x14ac:dyDescent="0.15">
      <c r="A9" s="259"/>
      <c r="B9" s="114" t="s">
        <v>249</v>
      </c>
      <c r="C9" s="260"/>
      <c r="D9" s="260"/>
      <c r="E9" s="260"/>
      <c r="F9" s="260"/>
      <c r="G9" s="260"/>
      <c r="H9" s="260"/>
      <c r="I9" s="260"/>
      <c r="J9" s="260"/>
      <c r="K9" s="260"/>
      <c r="L9" s="101"/>
      <c r="M9" s="101"/>
      <c r="N9" s="101"/>
      <c r="O9" s="101"/>
    </row>
    <row r="10" spans="1:15" ht="20.25" customHeight="1" x14ac:dyDescent="0.15">
      <c r="A10" s="261"/>
      <c r="B10" s="114" t="s">
        <v>250</v>
      </c>
      <c r="C10" s="261"/>
      <c r="D10" s="261"/>
      <c r="E10" s="261"/>
      <c r="F10" s="261"/>
      <c r="G10" s="261"/>
      <c r="H10" s="261"/>
      <c r="I10" s="261"/>
      <c r="J10" s="261"/>
      <c r="K10" s="261"/>
      <c r="L10" s="101"/>
      <c r="M10" s="101"/>
      <c r="N10" s="101"/>
      <c r="O10" s="101"/>
    </row>
    <row r="11" spans="1:15" ht="59.25" customHeight="1" x14ac:dyDescent="0.15">
      <c r="A11" s="261"/>
      <c r="B11" s="426" t="s">
        <v>251</v>
      </c>
      <c r="C11" s="418"/>
      <c r="D11" s="418"/>
      <c r="E11" s="418"/>
      <c r="F11" s="418"/>
      <c r="G11" s="418"/>
      <c r="H11" s="418"/>
      <c r="I11" s="418"/>
      <c r="J11" s="261"/>
      <c r="K11" s="261"/>
      <c r="L11" s="101"/>
      <c r="M11" s="101"/>
      <c r="N11" s="101"/>
      <c r="O11" s="101"/>
    </row>
    <row r="12" spans="1:15" ht="20.25" customHeight="1" x14ac:dyDescent="0.15">
      <c r="A12" s="261"/>
      <c r="B12" s="114" t="s">
        <v>252</v>
      </c>
      <c r="C12" s="261"/>
      <c r="D12" s="261"/>
      <c r="E12" s="261"/>
      <c r="F12" s="261"/>
      <c r="G12" s="261"/>
      <c r="H12" s="261"/>
      <c r="I12" s="261"/>
      <c r="J12" s="261"/>
      <c r="K12" s="261"/>
      <c r="L12" s="101"/>
      <c r="M12" s="101"/>
      <c r="N12" s="101"/>
      <c r="O12" s="101"/>
    </row>
    <row r="13" spans="1:15" ht="20.25" customHeight="1" x14ac:dyDescent="0.15">
      <c r="A13" s="261"/>
      <c r="B13" s="114" t="s">
        <v>253</v>
      </c>
      <c r="C13" s="261"/>
      <c r="D13" s="261"/>
      <c r="E13" s="261"/>
      <c r="F13" s="261"/>
      <c r="G13" s="261"/>
      <c r="H13" s="261"/>
      <c r="I13" s="261"/>
      <c r="J13" s="261"/>
      <c r="K13" s="261"/>
      <c r="L13" s="101"/>
      <c r="M13" s="101"/>
      <c r="N13" s="101"/>
      <c r="O13" s="101"/>
    </row>
    <row r="14" spans="1:15" ht="20.25" customHeight="1" x14ac:dyDescent="0.15">
      <c r="A14" s="261"/>
      <c r="B14" s="114" t="s">
        <v>254</v>
      </c>
      <c r="C14" s="261"/>
      <c r="D14" s="261"/>
      <c r="E14" s="261"/>
      <c r="F14" s="261"/>
      <c r="G14" s="261"/>
      <c r="H14" s="261"/>
      <c r="I14" s="261"/>
      <c r="J14" s="261"/>
      <c r="K14" s="261"/>
      <c r="L14" s="101"/>
      <c r="M14" s="101"/>
      <c r="N14" s="101"/>
      <c r="O14" s="101"/>
    </row>
    <row r="15" spans="1:15" ht="20.25" customHeight="1" x14ac:dyDescent="0.15">
      <c r="A15" s="261"/>
      <c r="B15" s="114" t="s">
        <v>173</v>
      </c>
      <c r="C15" s="261"/>
      <c r="D15" s="261"/>
      <c r="E15" s="261"/>
      <c r="F15" s="261"/>
      <c r="G15" s="261"/>
      <c r="H15" s="261"/>
      <c r="I15" s="261"/>
      <c r="J15" s="261"/>
      <c r="K15" s="261"/>
      <c r="L15" s="101"/>
      <c r="M15" s="101"/>
      <c r="N15" s="101"/>
      <c r="O15" s="101"/>
    </row>
    <row r="16" spans="1:15" ht="20.25" customHeight="1" x14ac:dyDescent="0.15">
      <c r="A16" s="261"/>
      <c r="B16" s="114" t="s">
        <v>255</v>
      </c>
      <c r="C16" s="261"/>
      <c r="D16" s="261"/>
      <c r="E16" s="261"/>
      <c r="F16" s="261"/>
      <c r="G16" s="261"/>
      <c r="H16" s="261"/>
      <c r="I16" s="261"/>
      <c r="J16" s="261"/>
      <c r="K16" s="261"/>
      <c r="L16" s="101"/>
      <c r="M16" s="101"/>
      <c r="N16" s="101"/>
      <c r="O16" s="101"/>
    </row>
    <row r="17" spans="1:15" ht="20.25" customHeight="1" x14ac:dyDescent="0.15">
      <c r="A17" s="261"/>
      <c r="B17" s="114" t="s">
        <v>256</v>
      </c>
      <c r="C17" s="261"/>
      <c r="D17" s="261"/>
      <c r="E17" s="261"/>
      <c r="F17" s="261"/>
      <c r="G17" s="261"/>
      <c r="H17" s="261"/>
      <c r="I17" s="261"/>
      <c r="J17" s="261"/>
      <c r="K17" s="261"/>
      <c r="L17" s="101"/>
      <c r="M17" s="101"/>
      <c r="N17" s="101"/>
      <c r="O17" s="101"/>
    </row>
    <row r="18" spans="1:15" ht="20.25" customHeight="1" x14ac:dyDescent="0.15">
      <c r="A18" s="261"/>
      <c r="B18" s="114" t="s">
        <v>257</v>
      </c>
      <c r="C18" s="261"/>
      <c r="D18" s="261"/>
      <c r="E18" s="261"/>
      <c r="F18" s="261"/>
      <c r="G18" s="261"/>
      <c r="H18" s="261"/>
      <c r="I18" s="261"/>
      <c r="J18" s="261"/>
      <c r="K18" s="261"/>
      <c r="L18" s="101"/>
      <c r="M18" s="101"/>
      <c r="N18" s="101"/>
      <c r="O18" s="101"/>
    </row>
    <row r="19" spans="1:15" ht="20.25" customHeight="1" x14ac:dyDescent="0.15">
      <c r="A19" s="261"/>
      <c r="B19" s="114" t="s">
        <v>258</v>
      </c>
      <c r="C19" s="261"/>
      <c r="D19" s="261"/>
      <c r="E19" s="261"/>
      <c r="F19" s="261"/>
      <c r="G19" s="261"/>
      <c r="H19" s="261"/>
      <c r="I19" s="261"/>
      <c r="J19" s="261"/>
      <c r="K19" s="261"/>
      <c r="L19" s="101"/>
      <c r="M19" s="101"/>
      <c r="N19" s="101"/>
      <c r="O19" s="101"/>
    </row>
    <row r="20" spans="1:15" s="97" customFormat="1" ht="20.25" customHeight="1" x14ac:dyDescent="0.15">
      <c r="A20" s="109"/>
      <c r="B20" s="114" t="s">
        <v>259</v>
      </c>
      <c r="C20" s="133"/>
      <c r="D20" s="133"/>
      <c r="E20" s="133"/>
      <c r="F20" s="133"/>
      <c r="G20" s="133"/>
      <c r="H20" s="133"/>
      <c r="I20" s="133"/>
      <c r="J20" s="133"/>
      <c r="K20" s="133"/>
      <c r="L20" s="133"/>
      <c r="M20" s="133"/>
      <c r="N20" s="133"/>
      <c r="O20" s="133"/>
    </row>
    <row r="21" spans="1:15" ht="20.25" customHeight="1" x14ac:dyDescent="0.15">
      <c r="A21" s="101"/>
      <c r="B21" s="114" t="s">
        <v>260</v>
      </c>
      <c r="C21" s="101"/>
      <c r="D21" s="101"/>
      <c r="E21" s="101"/>
      <c r="F21" s="101"/>
      <c r="G21" s="101"/>
      <c r="H21" s="101"/>
      <c r="I21" s="101"/>
      <c r="J21" s="101"/>
      <c r="K21" s="101"/>
      <c r="L21" s="101"/>
      <c r="M21" s="101"/>
      <c r="N21" s="101"/>
      <c r="O21" s="101"/>
    </row>
    <row r="22" spans="1:15" ht="20.25" customHeight="1" x14ac:dyDescent="0.15">
      <c r="A22" s="101"/>
      <c r="B22" s="114" t="s">
        <v>261</v>
      </c>
      <c r="C22" s="101"/>
      <c r="D22" s="101"/>
      <c r="E22" s="101"/>
      <c r="F22" s="101"/>
      <c r="G22" s="101"/>
      <c r="H22" s="101"/>
      <c r="I22" s="101"/>
      <c r="J22" s="101"/>
      <c r="K22" s="101"/>
      <c r="L22" s="101"/>
      <c r="M22" s="101"/>
      <c r="N22" s="101"/>
      <c r="O22" s="101"/>
    </row>
    <row r="23" spans="1:15" ht="20.25" customHeight="1" x14ac:dyDescent="0.15">
      <c r="A23" s="101"/>
      <c r="B23" s="114" t="s">
        <v>262</v>
      </c>
      <c r="C23" s="101"/>
      <c r="D23" s="101"/>
      <c r="E23" s="101"/>
      <c r="F23" s="101"/>
      <c r="G23" s="101"/>
      <c r="H23" s="101"/>
      <c r="I23" s="101"/>
      <c r="J23" s="101"/>
      <c r="K23" s="101"/>
      <c r="L23" s="101"/>
      <c r="M23" s="101"/>
      <c r="N23" s="101"/>
      <c r="O23" s="101"/>
    </row>
    <row r="24" spans="1:15" ht="20.25" customHeight="1" x14ac:dyDescent="0.15">
      <c r="A24" s="101"/>
      <c r="B24" s="114" t="s">
        <v>194</v>
      </c>
      <c r="C24" s="101"/>
      <c r="D24" s="101"/>
      <c r="E24" s="101"/>
      <c r="F24" s="101"/>
      <c r="G24" s="101"/>
      <c r="H24" s="101"/>
      <c r="I24" s="101"/>
      <c r="J24" s="101"/>
      <c r="K24" s="101"/>
      <c r="L24" s="101"/>
      <c r="M24" s="101"/>
      <c r="N24" s="101"/>
      <c r="O24" s="101"/>
    </row>
    <row r="25" spans="1:15" s="90" customFormat="1" ht="20.25" customHeight="1" x14ac:dyDescent="0.15">
      <c r="A25" s="135"/>
      <c r="B25" s="114" t="s">
        <v>195</v>
      </c>
      <c r="C25" s="135"/>
      <c r="D25" s="135"/>
      <c r="E25" s="135"/>
      <c r="F25" s="135"/>
      <c r="G25" s="135"/>
      <c r="H25" s="135"/>
      <c r="I25" s="135"/>
      <c r="J25" s="135"/>
      <c r="K25" s="135"/>
      <c r="L25" s="135"/>
      <c r="M25" s="135"/>
      <c r="N25" s="135"/>
      <c r="O25" s="135"/>
    </row>
    <row r="26" spans="1:15" s="90" customFormat="1" ht="20.25" customHeight="1" x14ac:dyDescent="0.15">
      <c r="A26" s="135"/>
      <c r="B26" s="114" t="s">
        <v>196</v>
      </c>
      <c r="C26" s="135"/>
      <c r="D26" s="135"/>
      <c r="E26" s="135"/>
      <c r="F26" s="135"/>
      <c r="G26" s="135"/>
      <c r="H26" s="135"/>
      <c r="I26" s="135"/>
      <c r="J26" s="135"/>
      <c r="K26" s="135"/>
      <c r="L26" s="135"/>
      <c r="M26" s="135"/>
      <c r="N26" s="135"/>
      <c r="O26" s="135"/>
    </row>
    <row r="27" spans="1:15" s="90" customFormat="1" ht="20.25" customHeight="1" x14ac:dyDescent="0.15">
      <c r="A27" s="135"/>
      <c r="B27" s="114"/>
      <c r="C27" s="135"/>
      <c r="D27" s="135"/>
      <c r="E27" s="135"/>
      <c r="F27" s="135"/>
      <c r="G27" s="135"/>
      <c r="H27" s="135"/>
      <c r="I27" s="135"/>
      <c r="J27" s="135"/>
      <c r="K27" s="135"/>
      <c r="L27" s="135"/>
      <c r="M27" s="135"/>
      <c r="N27" s="135"/>
      <c r="O27" s="135"/>
    </row>
    <row r="28" spans="1:15" s="90" customFormat="1" ht="20.25" customHeight="1" x14ac:dyDescent="0.15">
      <c r="A28" s="135"/>
      <c r="B28" s="114" t="s">
        <v>197</v>
      </c>
      <c r="C28" s="135"/>
      <c r="D28" s="135"/>
      <c r="E28" s="135"/>
      <c r="F28" s="135"/>
      <c r="G28" s="135"/>
      <c r="H28" s="135"/>
      <c r="I28" s="135"/>
      <c r="J28" s="135"/>
      <c r="K28" s="135"/>
      <c r="L28" s="135"/>
      <c r="M28" s="135"/>
      <c r="N28" s="135"/>
      <c r="O28" s="135"/>
    </row>
    <row r="29" spans="1:15" s="90" customFormat="1" ht="20.25" customHeight="1" x14ac:dyDescent="0.15">
      <c r="A29" s="135"/>
      <c r="B29" s="114" t="s">
        <v>198</v>
      </c>
      <c r="C29" s="135"/>
      <c r="D29" s="135"/>
      <c r="E29" s="135"/>
      <c r="F29" s="135"/>
      <c r="G29" s="135"/>
      <c r="H29" s="135"/>
      <c r="I29" s="135"/>
      <c r="J29" s="135"/>
      <c r="K29" s="135"/>
      <c r="L29" s="135"/>
      <c r="M29" s="135"/>
      <c r="N29" s="135"/>
      <c r="O29" s="135"/>
    </row>
    <row r="30" spans="1:15" s="90" customFormat="1" ht="20.25" customHeight="1" x14ac:dyDescent="0.15">
      <c r="A30" s="135"/>
      <c r="B30" s="114" t="s">
        <v>199</v>
      </c>
      <c r="C30" s="135"/>
      <c r="D30" s="135"/>
      <c r="E30" s="135"/>
      <c r="F30" s="135"/>
      <c r="G30" s="135"/>
      <c r="H30" s="135"/>
      <c r="I30" s="135"/>
      <c r="J30" s="135"/>
      <c r="K30" s="135"/>
      <c r="L30" s="135"/>
      <c r="M30" s="135"/>
      <c r="N30" s="135"/>
      <c r="O30" s="135"/>
    </row>
    <row r="31" spans="1:15" s="90" customFormat="1" ht="20.25" customHeight="1" x14ac:dyDescent="0.15">
      <c r="A31" s="135"/>
      <c r="B31" s="114" t="s">
        <v>200</v>
      </c>
      <c r="C31" s="135"/>
      <c r="D31" s="135"/>
      <c r="E31" s="135"/>
      <c r="F31" s="135"/>
      <c r="G31" s="135"/>
      <c r="H31" s="135"/>
      <c r="I31" s="135"/>
      <c r="J31" s="135"/>
      <c r="K31" s="135"/>
      <c r="L31" s="135"/>
      <c r="M31" s="135"/>
      <c r="N31" s="135"/>
      <c r="O31" s="135"/>
    </row>
    <row r="32" spans="1:15" s="90" customFormat="1" ht="20.25" customHeight="1" x14ac:dyDescent="0.15">
      <c r="A32" s="135"/>
      <c r="B32" s="114" t="s">
        <v>201</v>
      </c>
      <c r="C32" s="135"/>
      <c r="D32" s="135"/>
      <c r="E32" s="135"/>
      <c r="F32" s="135"/>
      <c r="G32" s="135"/>
      <c r="H32" s="135"/>
      <c r="I32" s="135"/>
      <c r="J32" s="135"/>
      <c r="K32" s="135"/>
      <c r="L32" s="135"/>
      <c r="M32" s="135"/>
      <c r="N32" s="135"/>
      <c r="O32" s="135"/>
    </row>
    <row r="33" spans="1:32" s="90" customFormat="1" ht="20.25" customHeight="1" x14ac:dyDescent="0.15">
      <c r="A33" s="135"/>
      <c r="B33" s="114" t="s">
        <v>202</v>
      </c>
      <c r="C33" s="135"/>
      <c r="D33" s="135"/>
      <c r="E33" s="135"/>
      <c r="F33" s="135"/>
      <c r="G33" s="135"/>
      <c r="H33" s="135"/>
      <c r="I33" s="135"/>
      <c r="J33" s="135"/>
      <c r="K33" s="135"/>
      <c r="L33" s="135"/>
      <c r="M33" s="135"/>
      <c r="N33" s="135"/>
      <c r="O33" s="135"/>
    </row>
    <row r="34" spans="1:32" s="90" customFormat="1" ht="20.25" customHeight="1" x14ac:dyDescent="0.15">
      <c r="A34" s="135"/>
      <c r="B34" s="135"/>
      <c r="C34" s="135"/>
      <c r="D34" s="135"/>
      <c r="E34" s="135"/>
      <c r="F34" s="135"/>
      <c r="G34" s="135"/>
      <c r="H34" s="135"/>
      <c r="I34" s="135"/>
      <c r="J34" s="135"/>
      <c r="K34" s="135"/>
      <c r="L34" s="135"/>
      <c r="M34" s="135"/>
      <c r="N34" s="135"/>
      <c r="O34" s="135"/>
    </row>
    <row r="35" spans="1:32" s="90" customFormat="1" ht="20.25" customHeight="1" x14ac:dyDescent="0.15">
      <c r="A35" s="135"/>
      <c r="B35" s="114" t="s">
        <v>263</v>
      </c>
      <c r="C35" s="135"/>
      <c r="D35" s="135"/>
      <c r="E35" s="135"/>
      <c r="F35" s="135"/>
      <c r="G35" s="135"/>
      <c r="H35" s="135"/>
      <c r="I35" s="135"/>
      <c r="J35" s="135"/>
      <c r="K35" s="135"/>
      <c r="L35" s="135"/>
      <c r="M35" s="135"/>
      <c r="N35" s="135"/>
      <c r="O35" s="135"/>
    </row>
    <row r="36" spans="1:32" s="90" customFormat="1" ht="20.25" customHeight="1" x14ac:dyDescent="0.15">
      <c r="A36" s="135"/>
      <c r="B36" s="114" t="s">
        <v>264</v>
      </c>
      <c r="C36" s="135"/>
      <c r="D36" s="135"/>
      <c r="E36" s="135"/>
      <c r="F36" s="135"/>
      <c r="G36" s="135"/>
      <c r="H36" s="135"/>
      <c r="I36" s="135"/>
      <c r="J36" s="135"/>
      <c r="K36" s="135"/>
      <c r="L36" s="135"/>
      <c r="M36" s="135"/>
      <c r="N36" s="135"/>
      <c r="O36" s="135"/>
    </row>
    <row r="37" spans="1:32" s="90" customFormat="1" ht="20.25" customHeight="1" x14ac:dyDescent="0.15">
      <c r="A37" s="135"/>
      <c r="B37" s="114" t="s">
        <v>265</v>
      </c>
      <c r="C37" s="115"/>
      <c r="D37" s="115"/>
      <c r="E37" s="115"/>
      <c r="F37" s="115"/>
      <c r="G37" s="115"/>
      <c r="H37" s="135"/>
      <c r="I37" s="135"/>
      <c r="J37" s="135"/>
      <c r="K37" s="135"/>
      <c r="L37" s="135"/>
      <c r="M37" s="135"/>
      <c r="N37" s="135"/>
      <c r="O37" s="135"/>
    </row>
    <row r="38" spans="1:32" s="90" customFormat="1" ht="20.25" customHeight="1" x14ac:dyDescent="0.15">
      <c r="A38" s="244"/>
      <c r="B38" s="243" t="s">
        <v>266</v>
      </c>
      <c r="C38" s="308"/>
      <c r="D38" s="308"/>
      <c r="E38" s="308"/>
      <c r="F38" s="244"/>
      <c r="G38" s="244"/>
      <c r="H38" s="244"/>
      <c r="I38" s="244"/>
      <c r="J38" s="244"/>
      <c r="K38" s="244"/>
      <c r="L38" s="244"/>
      <c r="M38" s="244"/>
      <c r="N38" s="244"/>
      <c r="O38" s="244"/>
      <c r="P38" s="104"/>
      <c r="Q38" s="104"/>
      <c r="R38" s="104"/>
      <c r="S38" s="104"/>
      <c r="T38" s="104"/>
      <c r="U38" s="104"/>
      <c r="V38" s="104"/>
      <c r="W38" s="104"/>
      <c r="X38" s="104"/>
      <c r="Y38" s="104"/>
      <c r="Z38" s="104"/>
      <c r="AA38" s="104"/>
      <c r="AB38" s="104"/>
      <c r="AC38" s="104"/>
      <c r="AD38" s="95"/>
      <c r="AE38" s="95"/>
      <c r="AF38" s="95"/>
    </row>
    <row r="39" spans="1:32" s="90" customFormat="1" ht="20.25" customHeight="1" x14ac:dyDescent="0.15">
      <c r="A39" s="244"/>
      <c r="B39" s="452" t="s">
        <v>267</v>
      </c>
      <c r="C39" s="452"/>
      <c r="D39" s="452"/>
      <c r="E39" s="452"/>
      <c r="F39" s="452"/>
      <c r="G39" s="452"/>
      <c r="H39" s="452"/>
      <c r="I39" s="452"/>
      <c r="J39" s="452"/>
      <c r="K39" s="452"/>
      <c r="L39" s="452"/>
      <c r="M39" s="452"/>
      <c r="N39" s="452"/>
      <c r="O39" s="452"/>
      <c r="P39" s="104"/>
      <c r="Q39" s="104"/>
      <c r="R39" s="104"/>
      <c r="S39" s="104"/>
      <c r="T39" s="104"/>
      <c r="U39" s="104"/>
      <c r="V39" s="104"/>
      <c r="W39" s="104"/>
      <c r="X39" s="104"/>
      <c r="Y39" s="104"/>
      <c r="Z39" s="104"/>
      <c r="AA39" s="104"/>
      <c r="AB39" s="104"/>
      <c r="AC39" s="104"/>
    </row>
    <row r="40" spans="1:32" s="90" customFormat="1" ht="20.25" customHeight="1" x14ac:dyDescent="0.15">
      <c r="A40" s="135"/>
      <c r="B40" s="114" t="s">
        <v>268</v>
      </c>
      <c r="C40" s="135"/>
      <c r="D40" s="135"/>
      <c r="E40" s="135"/>
      <c r="F40" s="135"/>
      <c r="G40" s="135"/>
      <c r="H40" s="135"/>
      <c r="I40" s="135"/>
      <c r="J40" s="135"/>
      <c r="K40" s="135"/>
      <c r="L40" s="135"/>
      <c r="M40" s="135"/>
      <c r="N40" s="135"/>
      <c r="O40" s="135"/>
    </row>
    <row r="41" spans="1:32" s="90" customFormat="1" ht="20.25" customHeight="1" x14ac:dyDescent="0.15">
      <c r="A41" s="135"/>
      <c r="B41" s="114" t="s">
        <v>269</v>
      </c>
      <c r="C41" s="135"/>
      <c r="D41" s="135"/>
      <c r="E41" s="135"/>
      <c r="F41" s="135"/>
      <c r="G41" s="135"/>
      <c r="H41" s="135"/>
      <c r="I41" s="135"/>
      <c r="J41" s="135"/>
      <c r="K41" s="135"/>
      <c r="L41" s="135"/>
      <c r="M41" s="135"/>
      <c r="N41" s="135"/>
      <c r="O41" s="135"/>
    </row>
    <row r="42" spans="1:32" s="90" customFormat="1" ht="20.25" customHeight="1" x14ac:dyDescent="0.15">
      <c r="A42" s="135"/>
      <c r="B42" s="114" t="s">
        <v>270</v>
      </c>
      <c r="C42" s="135"/>
      <c r="D42" s="135"/>
      <c r="E42" s="135"/>
      <c r="F42" s="135"/>
      <c r="G42" s="135"/>
      <c r="H42" s="135"/>
      <c r="I42" s="135"/>
      <c r="J42" s="135"/>
      <c r="K42" s="135"/>
      <c r="L42" s="135"/>
      <c r="M42" s="135"/>
      <c r="N42" s="135"/>
      <c r="O42" s="135"/>
    </row>
    <row r="43" spans="1:32" ht="20.25" customHeight="1" x14ac:dyDescent="0.15">
      <c r="A43" s="261"/>
      <c r="B43" s="114" t="s">
        <v>271</v>
      </c>
      <c r="C43" s="261"/>
      <c r="D43" s="261"/>
      <c r="E43" s="261"/>
      <c r="F43" s="261"/>
      <c r="G43" s="261"/>
      <c r="H43" s="261"/>
      <c r="I43" s="261"/>
      <c r="J43" s="261"/>
      <c r="K43" s="261"/>
      <c r="L43" s="101"/>
      <c r="M43" s="101"/>
      <c r="N43" s="101"/>
      <c r="O43" s="101"/>
    </row>
    <row r="44" spans="1:32" ht="20.25" customHeight="1" x14ac:dyDescent="0.15">
      <c r="A44" s="105"/>
      <c r="B44" s="114" t="s">
        <v>272</v>
      </c>
      <c r="C44" s="101"/>
      <c r="D44" s="101"/>
      <c r="E44" s="101"/>
      <c r="F44" s="101"/>
      <c r="G44" s="101"/>
      <c r="H44" s="101"/>
      <c r="I44" s="101"/>
      <c r="J44" s="101"/>
      <c r="K44" s="101"/>
      <c r="L44" s="101"/>
      <c r="M44" s="101"/>
      <c r="N44" s="101"/>
      <c r="O44" s="101"/>
    </row>
    <row r="45" spans="1:32" s="97" customFormat="1" ht="20.25" customHeight="1" x14ac:dyDescent="0.15">
      <c r="A45" s="109"/>
      <c r="B45" s="101"/>
      <c r="C45" s="133"/>
      <c r="D45" s="133"/>
      <c r="E45" s="133"/>
      <c r="F45" s="133"/>
      <c r="G45" s="133"/>
      <c r="H45" s="133"/>
      <c r="I45" s="133"/>
      <c r="J45" s="133"/>
      <c r="K45" s="133"/>
      <c r="L45" s="133"/>
      <c r="M45" s="133"/>
      <c r="N45" s="133"/>
      <c r="O45" s="133"/>
    </row>
    <row r="46" spans="1:32" ht="20.25" customHeight="1" x14ac:dyDescent="0.15">
      <c r="A46" s="105"/>
      <c r="B46" s="262" t="s">
        <v>273</v>
      </c>
      <c r="C46" s="101"/>
      <c r="D46" s="101"/>
      <c r="E46" s="101"/>
      <c r="F46" s="101"/>
      <c r="G46" s="101"/>
      <c r="H46" s="101"/>
      <c r="I46" s="101"/>
      <c r="J46" s="101"/>
      <c r="K46" s="101"/>
      <c r="L46" s="101"/>
      <c r="M46" s="101"/>
      <c r="N46" s="101"/>
      <c r="O46" s="101"/>
    </row>
    <row r="47" spans="1:32" ht="20.25" customHeight="1" x14ac:dyDescent="0.15">
      <c r="A47" s="259"/>
      <c r="B47" s="101"/>
      <c r="C47" s="260"/>
      <c r="D47" s="260"/>
      <c r="E47" s="260"/>
      <c r="F47" s="260"/>
      <c r="G47" s="260"/>
      <c r="H47" s="260"/>
      <c r="I47" s="260"/>
      <c r="J47" s="260"/>
      <c r="K47" s="260"/>
      <c r="L47" s="101"/>
      <c r="M47" s="101"/>
      <c r="N47" s="101"/>
      <c r="O47" s="101"/>
    </row>
    <row r="48" spans="1:32" ht="20.25" customHeight="1" x14ac:dyDescent="0.15">
      <c r="A48" s="105"/>
      <c r="B48" s="114" t="s">
        <v>226</v>
      </c>
      <c r="C48" s="101"/>
      <c r="D48" s="101"/>
      <c r="E48" s="101"/>
      <c r="F48" s="101"/>
      <c r="G48" s="101"/>
      <c r="H48" s="101"/>
      <c r="I48" s="101"/>
      <c r="J48" s="101"/>
      <c r="K48" s="101"/>
      <c r="L48" s="101"/>
      <c r="M48" s="101"/>
      <c r="N48" s="101"/>
      <c r="O48" s="101"/>
    </row>
    <row r="49" spans="1:15" ht="20.25" customHeight="1" x14ac:dyDescent="0.15">
      <c r="A49" s="259"/>
      <c r="B49" s="101"/>
      <c r="C49" s="260"/>
      <c r="D49" s="260"/>
      <c r="E49" s="260"/>
      <c r="F49" s="260"/>
      <c r="G49" s="260"/>
      <c r="H49" s="260"/>
      <c r="I49" s="260"/>
      <c r="J49" s="260"/>
      <c r="K49" s="260"/>
      <c r="L49" s="101"/>
      <c r="M49" s="101"/>
      <c r="N49" s="101"/>
      <c r="O49" s="101"/>
    </row>
    <row r="122" spans="3:7" ht="20.25" customHeight="1" x14ac:dyDescent="0.15">
      <c r="C122" s="8"/>
      <c r="D122" s="8"/>
      <c r="E122" s="8"/>
      <c r="F122" s="8"/>
      <c r="G122" s="8"/>
    </row>
    <row r="123" spans="3:7" ht="20.25" customHeight="1" x14ac:dyDescent="0.15">
      <c r="C123" s="7"/>
    </row>
  </sheetData>
  <mergeCells count="4">
    <mergeCell ref="B3:N3"/>
    <mergeCell ref="B11:I11"/>
    <mergeCell ref="B7:N7"/>
    <mergeCell ref="B39:O39"/>
  </mergeCells>
  <phoneticPr fontId="1"/>
  <printOptions horizontalCentered="1"/>
  <pageMargins left="0.23622047244094491" right="0.23622047244094491" top="0.74803149606299213" bottom="0.74803149606299213" header="0.31496062992125984" footer="0.31496062992125984"/>
  <pageSetup paperSize="9" scale="61" fitToHeight="0" orientation="landscape" cellComments="asDisplayed" r:id="rId1"/>
  <headerFooter alignWithMargins="0"/>
  <rowBreaks count="1" manualBreakCount="1">
    <brk id="39" max="31" man="1"/>
  </rowBreaks>
  <colBreaks count="1" manualBreakCount="1">
    <brk id="1" max="1048575"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G541"/>
  <sheetViews>
    <sheetView view="pageBreakPreview" zoomScale="70" zoomScaleNormal="100" zoomScaleSheetLayoutView="70" workbookViewId="0">
      <selection activeCell="P336" sqref="P336"/>
    </sheetView>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97" customWidth="1"/>
    <col min="8" max="8" width="33.875" style="1" customWidth="1"/>
    <col min="9" max="22" width="4.875" style="1" customWidth="1"/>
    <col min="23" max="23" width="7.25" style="1" customWidth="1"/>
    <col min="24" max="24" width="13.25" style="1" customWidth="1"/>
    <col min="25" max="29" width="4.875" style="1" customWidth="1"/>
    <col min="30" max="30" width="9.25" style="1" bestFit="1" customWidth="1"/>
    <col min="31" max="32" width="4.875" style="1" customWidth="1"/>
    <col min="33" max="16384" width="9" style="1"/>
  </cols>
  <sheetData>
    <row r="1" spans="1:32" x14ac:dyDescent="0.15">
      <c r="A1" s="105"/>
      <c r="B1" s="105"/>
      <c r="C1" s="101"/>
      <c r="D1" s="101"/>
      <c r="E1" s="101"/>
      <c r="F1" s="101"/>
      <c r="G1" s="133"/>
      <c r="H1" s="101"/>
      <c r="I1" s="101"/>
      <c r="J1" s="101"/>
      <c r="K1" s="101"/>
      <c r="L1" s="101"/>
      <c r="M1" s="101"/>
      <c r="N1" s="101"/>
      <c r="O1" s="101"/>
      <c r="P1" s="101"/>
      <c r="Q1" s="101"/>
      <c r="R1" s="101"/>
      <c r="S1" s="101"/>
      <c r="T1" s="101"/>
      <c r="U1" s="101"/>
      <c r="V1" s="101"/>
      <c r="W1" s="101"/>
      <c r="X1" s="101"/>
      <c r="Y1" s="101"/>
      <c r="Z1" s="101"/>
      <c r="AA1" s="101"/>
      <c r="AB1" s="101"/>
      <c r="AC1" s="101"/>
      <c r="AD1" s="101"/>
      <c r="AE1" s="101"/>
      <c r="AF1" s="101"/>
    </row>
    <row r="2" spans="1:32" ht="20.25" customHeight="1" x14ac:dyDescent="0.15">
      <c r="A2" s="266" t="s">
        <v>274</v>
      </c>
      <c r="B2" s="266"/>
      <c r="C2" s="101"/>
      <c r="D2" s="101"/>
      <c r="E2" s="101"/>
      <c r="F2" s="101"/>
      <c r="G2" s="133"/>
      <c r="H2" s="101"/>
      <c r="I2" s="101"/>
      <c r="J2" s="101"/>
      <c r="K2" s="101"/>
      <c r="L2" s="101"/>
      <c r="M2" s="101"/>
      <c r="N2" s="101"/>
      <c r="O2" s="101"/>
      <c r="P2" s="101"/>
      <c r="Q2" s="101"/>
      <c r="R2" s="101"/>
      <c r="S2" s="101"/>
      <c r="T2" s="101"/>
      <c r="U2" s="101"/>
      <c r="V2" s="101"/>
      <c r="W2" s="101"/>
      <c r="X2" s="101"/>
      <c r="Y2" s="101"/>
      <c r="Z2" s="101"/>
      <c r="AA2" s="101"/>
      <c r="AB2" s="101"/>
      <c r="AC2" s="101"/>
      <c r="AD2" s="101"/>
      <c r="AE2" s="101"/>
      <c r="AF2" s="101"/>
    </row>
    <row r="3" spans="1:32" ht="20.25" customHeight="1" x14ac:dyDescent="0.15">
      <c r="A3" s="387" t="s">
        <v>275</v>
      </c>
      <c r="B3" s="387"/>
      <c r="C3" s="387"/>
      <c r="D3" s="387"/>
      <c r="E3" s="387"/>
      <c r="F3" s="387"/>
      <c r="G3" s="387"/>
      <c r="H3" s="387"/>
      <c r="I3" s="387"/>
      <c r="J3" s="387"/>
      <c r="K3" s="387"/>
      <c r="L3" s="387"/>
      <c r="M3" s="387"/>
      <c r="N3" s="387"/>
      <c r="O3" s="387"/>
      <c r="P3" s="387"/>
      <c r="Q3" s="387"/>
      <c r="R3" s="387"/>
      <c r="S3" s="387"/>
      <c r="T3" s="387"/>
      <c r="U3" s="387"/>
      <c r="V3" s="387"/>
      <c r="W3" s="387"/>
      <c r="X3" s="387"/>
      <c r="Y3" s="387"/>
      <c r="Z3" s="387"/>
      <c r="AA3" s="387"/>
      <c r="AB3" s="387"/>
      <c r="AC3" s="387"/>
      <c r="AD3" s="387"/>
      <c r="AE3" s="387"/>
      <c r="AF3" s="387"/>
    </row>
    <row r="4" spans="1:32" ht="20.25" customHeight="1" x14ac:dyDescent="0.15">
      <c r="A4" s="105"/>
      <c r="B4" s="105"/>
      <c r="C4" s="101"/>
      <c r="D4" s="101"/>
      <c r="E4" s="101"/>
      <c r="F4" s="101"/>
      <c r="G4" s="133"/>
      <c r="H4" s="101"/>
      <c r="I4" s="101"/>
      <c r="J4" s="101"/>
      <c r="K4" s="101"/>
      <c r="L4" s="101"/>
      <c r="M4" s="101"/>
      <c r="N4" s="101"/>
      <c r="O4" s="101"/>
      <c r="P4" s="101"/>
      <c r="Q4" s="101"/>
      <c r="R4" s="101"/>
      <c r="S4" s="101"/>
      <c r="T4" s="101"/>
      <c r="U4" s="101"/>
      <c r="V4" s="101"/>
      <c r="W4" s="101"/>
      <c r="X4" s="101"/>
      <c r="Y4" s="101"/>
      <c r="Z4" s="101"/>
      <c r="AA4" s="101"/>
      <c r="AB4" s="101"/>
      <c r="AC4" s="101"/>
      <c r="AD4" s="101"/>
      <c r="AE4" s="101"/>
      <c r="AF4" s="101"/>
    </row>
    <row r="5" spans="1:32" ht="30" customHeight="1" x14ac:dyDescent="0.15">
      <c r="A5" s="105"/>
      <c r="B5" s="105"/>
      <c r="C5" s="101"/>
      <c r="D5" s="101"/>
      <c r="E5" s="101"/>
      <c r="F5" s="101"/>
      <c r="G5" s="133"/>
      <c r="H5" s="101"/>
      <c r="I5" s="101"/>
      <c r="J5" s="105"/>
      <c r="K5" s="105"/>
      <c r="L5" s="105"/>
      <c r="M5" s="105"/>
      <c r="N5" s="105"/>
      <c r="O5" s="105"/>
      <c r="P5" s="105"/>
      <c r="Q5" s="105"/>
      <c r="R5" s="105"/>
      <c r="S5" s="388" t="s">
        <v>276</v>
      </c>
      <c r="T5" s="388"/>
      <c r="U5" s="388"/>
      <c r="V5" s="388"/>
      <c r="W5" s="106"/>
      <c r="X5" s="107"/>
      <c r="Y5" s="107"/>
      <c r="Z5" s="107"/>
      <c r="AA5" s="107"/>
      <c r="AB5" s="107"/>
      <c r="AC5" s="107"/>
      <c r="AD5" s="107"/>
      <c r="AE5" s="107"/>
      <c r="AF5" s="108"/>
    </row>
    <row r="6" spans="1:32" ht="20.25" customHeight="1" x14ac:dyDescent="0.15">
      <c r="A6" s="105"/>
      <c r="B6" s="105"/>
      <c r="C6" s="101"/>
      <c r="D6" s="101"/>
      <c r="E6" s="101"/>
      <c r="F6" s="101"/>
      <c r="G6" s="133"/>
      <c r="H6" s="101"/>
      <c r="I6" s="101"/>
      <c r="J6" s="101"/>
      <c r="K6" s="101"/>
      <c r="L6" s="101"/>
      <c r="M6" s="101"/>
      <c r="N6" s="101"/>
      <c r="O6" s="101"/>
      <c r="P6" s="101"/>
      <c r="Q6" s="101"/>
      <c r="R6" s="101"/>
      <c r="S6" s="101"/>
      <c r="T6" s="101"/>
      <c r="U6" s="101"/>
      <c r="V6" s="101"/>
      <c r="W6" s="101"/>
      <c r="X6" s="101"/>
      <c r="Y6" s="101"/>
      <c r="Z6" s="101"/>
      <c r="AA6" s="101"/>
      <c r="AB6" s="101"/>
      <c r="AC6" s="101"/>
      <c r="AD6" s="101"/>
      <c r="AE6" s="101"/>
      <c r="AF6" s="101"/>
    </row>
    <row r="7" spans="1:32" ht="18" customHeight="1" x14ac:dyDescent="0.15">
      <c r="A7" s="388" t="s">
        <v>152</v>
      </c>
      <c r="B7" s="388"/>
      <c r="C7" s="388"/>
      <c r="D7" s="388" t="s">
        <v>4</v>
      </c>
      <c r="E7" s="388"/>
      <c r="F7" s="457" t="s">
        <v>5</v>
      </c>
      <c r="G7" s="457"/>
      <c r="H7" s="388" t="s">
        <v>229</v>
      </c>
      <c r="I7" s="388"/>
      <c r="J7" s="388"/>
      <c r="K7" s="388"/>
      <c r="L7" s="388"/>
      <c r="M7" s="388"/>
      <c r="N7" s="388"/>
      <c r="O7" s="388"/>
      <c r="P7" s="388"/>
      <c r="Q7" s="388"/>
      <c r="R7" s="388"/>
      <c r="S7" s="388"/>
      <c r="T7" s="388"/>
      <c r="U7" s="388"/>
      <c r="V7" s="388"/>
      <c r="W7" s="388"/>
      <c r="X7" s="388"/>
      <c r="Y7" s="388" t="s">
        <v>7</v>
      </c>
      <c r="Z7" s="388"/>
      <c r="AA7" s="388"/>
      <c r="AB7" s="388"/>
      <c r="AC7" s="388" t="s">
        <v>8</v>
      </c>
      <c r="AD7" s="388"/>
      <c r="AE7" s="388"/>
      <c r="AF7" s="458"/>
    </row>
    <row r="8" spans="1:32" ht="18.75" customHeight="1" x14ac:dyDescent="0.15">
      <c r="A8" s="399" t="s">
        <v>9</v>
      </c>
      <c r="B8" s="399"/>
      <c r="C8" s="460"/>
      <c r="D8" s="249"/>
      <c r="E8" s="211"/>
      <c r="F8" s="120"/>
      <c r="G8" s="253"/>
      <c r="H8" s="405" t="s">
        <v>10</v>
      </c>
      <c r="I8" s="123" t="s">
        <v>11</v>
      </c>
      <c r="J8" s="110" t="s">
        <v>12</v>
      </c>
      <c r="K8" s="111"/>
      <c r="L8" s="111"/>
      <c r="M8" s="123" t="s">
        <v>11</v>
      </c>
      <c r="N8" s="110" t="s">
        <v>13</v>
      </c>
      <c r="O8" s="111"/>
      <c r="P8" s="111"/>
      <c r="Q8" s="123" t="s">
        <v>11</v>
      </c>
      <c r="R8" s="110" t="s">
        <v>14</v>
      </c>
      <c r="S8" s="111"/>
      <c r="T8" s="111"/>
      <c r="U8" s="123" t="s">
        <v>11</v>
      </c>
      <c r="V8" s="110" t="s">
        <v>15</v>
      </c>
      <c r="W8" s="111"/>
      <c r="X8" s="112"/>
      <c r="Y8" s="407"/>
      <c r="Z8" s="407"/>
      <c r="AA8" s="407"/>
      <c r="AB8" s="407"/>
      <c r="AC8" s="407"/>
      <c r="AD8" s="407"/>
      <c r="AE8" s="407"/>
      <c r="AF8" s="453"/>
    </row>
    <row r="9" spans="1:32" ht="18.75" customHeight="1" x14ac:dyDescent="0.15">
      <c r="A9" s="388"/>
      <c r="B9" s="388"/>
      <c r="C9" s="458"/>
      <c r="D9" s="251"/>
      <c r="E9" s="213"/>
      <c r="F9" s="174"/>
      <c r="G9" s="183"/>
      <c r="H9" s="461"/>
      <c r="I9" s="178" t="s">
        <v>11</v>
      </c>
      <c r="J9" s="179" t="s">
        <v>16</v>
      </c>
      <c r="K9" s="252"/>
      <c r="L9" s="252"/>
      <c r="M9" s="180" t="s">
        <v>11</v>
      </c>
      <c r="N9" s="179" t="s">
        <v>17</v>
      </c>
      <c r="O9" s="252"/>
      <c r="P9" s="252"/>
      <c r="Q9" s="180" t="s">
        <v>11</v>
      </c>
      <c r="R9" s="179" t="s">
        <v>18</v>
      </c>
      <c r="S9" s="252"/>
      <c r="T9" s="252"/>
      <c r="U9" s="180" t="s">
        <v>11</v>
      </c>
      <c r="V9" s="179" t="s">
        <v>19</v>
      </c>
      <c r="W9" s="252"/>
      <c r="X9" s="175"/>
      <c r="Y9" s="454"/>
      <c r="Z9" s="454"/>
      <c r="AA9" s="454"/>
      <c r="AB9" s="454"/>
      <c r="AC9" s="454"/>
      <c r="AD9" s="454"/>
      <c r="AE9" s="454"/>
      <c r="AF9" s="455"/>
    </row>
    <row r="10" spans="1:32" ht="19.5" customHeight="1" x14ac:dyDescent="0.15">
      <c r="A10" s="127"/>
      <c r="B10" s="128"/>
      <c r="C10" s="129"/>
      <c r="D10" s="130"/>
      <c r="E10" s="116"/>
      <c r="F10" s="131"/>
      <c r="G10" s="132"/>
      <c r="H10" s="156" t="s">
        <v>22</v>
      </c>
      <c r="I10" s="137" t="s">
        <v>11</v>
      </c>
      <c r="J10" s="155" t="s">
        <v>23</v>
      </c>
      <c r="K10" s="160"/>
      <c r="L10" s="199"/>
      <c r="M10" s="196" t="s">
        <v>11</v>
      </c>
      <c r="N10" s="155" t="s">
        <v>24</v>
      </c>
      <c r="O10" s="196"/>
      <c r="P10" s="155"/>
      <c r="Q10" s="139"/>
      <c r="R10" s="139"/>
      <c r="S10" s="139"/>
      <c r="T10" s="139"/>
      <c r="U10" s="139"/>
      <c r="V10" s="139"/>
      <c r="W10" s="139"/>
      <c r="X10" s="140"/>
      <c r="Y10" s="109" t="s">
        <v>11</v>
      </c>
      <c r="Z10" s="114" t="s">
        <v>20</v>
      </c>
      <c r="AA10" s="114"/>
      <c r="AB10" s="136"/>
      <c r="AC10" s="109" t="s">
        <v>11</v>
      </c>
      <c r="AD10" s="114" t="s">
        <v>20</v>
      </c>
      <c r="AE10" s="114"/>
      <c r="AF10" s="136"/>
    </row>
    <row r="11" spans="1:32" ht="18.75" customHeight="1" x14ac:dyDescent="0.15">
      <c r="A11" s="127"/>
      <c r="B11" s="128"/>
      <c r="C11" s="219"/>
      <c r="D11" s="131"/>
      <c r="E11" s="116"/>
      <c r="F11" s="131"/>
      <c r="G11" s="238"/>
      <c r="H11" s="309" t="s">
        <v>62</v>
      </c>
      <c r="I11" s="109" t="s">
        <v>11</v>
      </c>
      <c r="J11" s="155" t="s">
        <v>25</v>
      </c>
      <c r="K11" s="160"/>
      <c r="L11" s="109" t="s">
        <v>11</v>
      </c>
      <c r="M11" s="155" t="s">
        <v>29</v>
      </c>
      <c r="N11" s="155"/>
      <c r="O11" s="155"/>
      <c r="P11" s="155"/>
      <c r="Q11" s="155"/>
      <c r="R11" s="155"/>
      <c r="S11" s="155"/>
      <c r="T11" s="155"/>
      <c r="U11" s="155"/>
      <c r="V11" s="155"/>
      <c r="W11" s="155"/>
      <c r="X11" s="156"/>
      <c r="Y11" s="109" t="s">
        <v>11</v>
      </c>
      <c r="Z11" s="114" t="s">
        <v>21</v>
      </c>
      <c r="AA11" s="135"/>
      <c r="AB11" s="136"/>
      <c r="AC11" s="109" t="s">
        <v>11</v>
      </c>
      <c r="AD11" s="114" t="s">
        <v>21</v>
      </c>
      <c r="AE11" s="135"/>
      <c r="AF11" s="136"/>
    </row>
    <row r="12" spans="1:32" ht="18.75" customHeight="1" x14ac:dyDescent="0.15">
      <c r="A12" s="127"/>
      <c r="B12" s="128"/>
      <c r="C12" s="219"/>
      <c r="D12" s="131"/>
      <c r="E12" s="116"/>
      <c r="F12" s="131"/>
      <c r="G12" s="238"/>
      <c r="H12" s="456" t="s">
        <v>232</v>
      </c>
      <c r="I12" s="397" t="s">
        <v>11</v>
      </c>
      <c r="J12" s="421" t="s">
        <v>31</v>
      </c>
      <c r="K12" s="421"/>
      <c r="L12" s="421"/>
      <c r="M12" s="397" t="s">
        <v>11</v>
      </c>
      <c r="N12" s="421" t="s">
        <v>32</v>
      </c>
      <c r="O12" s="421"/>
      <c r="P12" s="421"/>
      <c r="Q12" s="162"/>
      <c r="R12" s="162"/>
      <c r="S12" s="162"/>
      <c r="T12" s="162"/>
      <c r="U12" s="162"/>
      <c r="V12" s="162"/>
      <c r="W12" s="162"/>
      <c r="X12" s="163"/>
      <c r="Y12" s="101"/>
      <c r="Z12" s="101"/>
      <c r="AA12" s="101"/>
      <c r="AB12" s="136"/>
      <c r="AC12" s="101"/>
      <c r="AD12" s="101"/>
      <c r="AE12" s="101"/>
      <c r="AF12" s="136"/>
    </row>
    <row r="13" spans="1:32" ht="18.75" customHeight="1" x14ac:dyDescent="0.15">
      <c r="A13" s="127"/>
      <c r="B13" s="128"/>
      <c r="C13" s="219"/>
      <c r="D13" s="131"/>
      <c r="E13" s="116"/>
      <c r="F13" s="131"/>
      <c r="G13" s="238"/>
      <c r="H13" s="456"/>
      <c r="I13" s="397"/>
      <c r="J13" s="421"/>
      <c r="K13" s="421"/>
      <c r="L13" s="421"/>
      <c r="M13" s="397"/>
      <c r="N13" s="421"/>
      <c r="O13" s="421"/>
      <c r="P13" s="421"/>
      <c r="Q13" s="139"/>
      <c r="R13" s="139"/>
      <c r="S13" s="139"/>
      <c r="T13" s="139"/>
      <c r="U13" s="139"/>
      <c r="V13" s="139"/>
      <c r="W13" s="139"/>
      <c r="X13" s="140"/>
      <c r="Y13" s="141"/>
      <c r="Z13" s="135"/>
      <c r="AA13" s="135"/>
      <c r="AB13" s="136"/>
      <c r="AC13" s="141"/>
      <c r="AD13" s="135"/>
      <c r="AE13" s="135"/>
      <c r="AF13" s="136"/>
    </row>
    <row r="14" spans="1:32" ht="18.75" customHeight="1" x14ac:dyDescent="0.15">
      <c r="A14" s="127"/>
      <c r="B14" s="128"/>
      <c r="C14" s="219"/>
      <c r="D14" s="131"/>
      <c r="E14" s="116"/>
      <c r="F14" s="131"/>
      <c r="G14" s="238"/>
      <c r="H14" s="456" t="s">
        <v>233</v>
      </c>
      <c r="I14" s="397" t="s">
        <v>11</v>
      </c>
      <c r="J14" s="421" t="s">
        <v>31</v>
      </c>
      <c r="K14" s="421"/>
      <c r="L14" s="421"/>
      <c r="M14" s="397" t="s">
        <v>11</v>
      </c>
      <c r="N14" s="421" t="s">
        <v>32</v>
      </c>
      <c r="O14" s="421"/>
      <c r="P14" s="421"/>
      <c r="Q14" s="162"/>
      <c r="R14" s="162"/>
      <c r="S14" s="162"/>
      <c r="T14" s="162"/>
      <c r="U14" s="162"/>
      <c r="V14" s="162"/>
      <c r="W14" s="162"/>
      <c r="X14" s="163"/>
      <c r="Y14" s="141"/>
      <c r="Z14" s="135"/>
      <c r="AA14" s="135"/>
      <c r="AB14" s="136"/>
      <c r="AC14" s="141"/>
      <c r="AD14" s="135"/>
      <c r="AE14" s="135"/>
      <c r="AF14" s="136"/>
    </row>
    <row r="15" spans="1:32" ht="18.75" customHeight="1" x14ac:dyDescent="0.15">
      <c r="A15" s="127"/>
      <c r="B15" s="128"/>
      <c r="C15" s="219"/>
      <c r="D15" s="131"/>
      <c r="E15" s="116"/>
      <c r="F15" s="131"/>
      <c r="G15" s="238"/>
      <c r="H15" s="456"/>
      <c r="I15" s="397"/>
      <c r="J15" s="421"/>
      <c r="K15" s="421"/>
      <c r="L15" s="421"/>
      <c r="M15" s="397"/>
      <c r="N15" s="421"/>
      <c r="O15" s="421"/>
      <c r="P15" s="421"/>
      <c r="Q15" s="139"/>
      <c r="R15" s="139"/>
      <c r="S15" s="139"/>
      <c r="T15" s="139"/>
      <c r="U15" s="139"/>
      <c r="V15" s="139"/>
      <c r="W15" s="139"/>
      <c r="X15" s="140"/>
      <c r="Y15" s="141"/>
      <c r="Z15" s="135"/>
      <c r="AA15" s="135"/>
      <c r="AB15" s="136"/>
      <c r="AC15" s="141"/>
      <c r="AD15" s="135"/>
      <c r="AE15" s="135"/>
      <c r="AF15" s="136"/>
    </row>
    <row r="16" spans="1:32" ht="18.75" customHeight="1" x14ac:dyDescent="0.15">
      <c r="A16" s="127"/>
      <c r="B16" s="128"/>
      <c r="C16" s="219"/>
      <c r="D16" s="131"/>
      <c r="E16" s="116"/>
      <c r="F16" s="131"/>
      <c r="G16" s="238"/>
      <c r="H16" s="310" t="s">
        <v>277</v>
      </c>
      <c r="I16" s="143" t="s">
        <v>11</v>
      </c>
      <c r="J16" s="144" t="s">
        <v>25</v>
      </c>
      <c r="K16" s="145"/>
      <c r="L16" s="147" t="s">
        <v>11</v>
      </c>
      <c r="M16" s="144" t="s">
        <v>56</v>
      </c>
      <c r="N16" s="144"/>
      <c r="O16" s="168" t="s">
        <v>11</v>
      </c>
      <c r="P16" s="153" t="s">
        <v>57</v>
      </c>
      <c r="Q16" s="144"/>
      <c r="R16" s="144"/>
      <c r="S16" s="145"/>
      <c r="T16" s="145"/>
      <c r="U16" s="145"/>
      <c r="V16" s="145"/>
      <c r="W16" s="145"/>
      <c r="X16" s="152"/>
      <c r="Y16" s="141"/>
      <c r="Z16" s="135"/>
      <c r="AA16" s="135"/>
      <c r="AB16" s="136"/>
      <c r="AC16" s="141"/>
      <c r="AD16" s="135"/>
      <c r="AE16" s="135"/>
      <c r="AF16" s="136"/>
    </row>
    <row r="17" spans="1:32" ht="18.75" customHeight="1" x14ac:dyDescent="0.15">
      <c r="A17" s="127"/>
      <c r="B17" s="128"/>
      <c r="C17" s="219"/>
      <c r="D17" s="131"/>
      <c r="E17" s="116"/>
      <c r="F17" s="131"/>
      <c r="G17" s="238"/>
      <c r="H17" s="310" t="s">
        <v>278</v>
      </c>
      <c r="I17" s="143" t="s">
        <v>11</v>
      </c>
      <c r="J17" s="144" t="s">
        <v>58</v>
      </c>
      <c r="K17" s="145"/>
      <c r="L17" s="146"/>
      <c r="M17" s="109" t="s">
        <v>11</v>
      </c>
      <c r="N17" s="144" t="s">
        <v>59</v>
      </c>
      <c r="O17" s="148"/>
      <c r="P17" s="148"/>
      <c r="Q17" s="145"/>
      <c r="R17" s="145"/>
      <c r="S17" s="145"/>
      <c r="T17" s="145"/>
      <c r="U17" s="145"/>
      <c r="V17" s="145"/>
      <c r="W17" s="145"/>
      <c r="X17" s="152"/>
      <c r="Y17" s="141"/>
      <c r="Z17" s="135"/>
      <c r="AA17" s="135"/>
      <c r="AB17" s="136"/>
      <c r="AC17" s="141"/>
      <c r="AD17" s="135"/>
      <c r="AE17" s="135"/>
      <c r="AF17" s="136"/>
    </row>
    <row r="18" spans="1:32" ht="18.75" customHeight="1" x14ac:dyDescent="0.15">
      <c r="A18" s="127"/>
      <c r="B18" s="128"/>
      <c r="C18" s="219"/>
      <c r="D18" s="131"/>
      <c r="E18" s="116"/>
      <c r="F18" s="131"/>
      <c r="G18" s="238"/>
      <c r="H18" s="310" t="s">
        <v>149</v>
      </c>
      <c r="I18" s="143" t="s">
        <v>11</v>
      </c>
      <c r="J18" s="144" t="s">
        <v>25</v>
      </c>
      <c r="K18" s="145"/>
      <c r="L18" s="147" t="s">
        <v>11</v>
      </c>
      <c r="M18" s="144" t="s">
        <v>29</v>
      </c>
      <c r="N18" s="144"/>
      <c r="O18" s="145"/>
      <c r="P18" s="145"/>
      <c r="Q18" s="145"/>
      <c r="R18" s="145"/>
      <c r="S18" s="145"/>
      <c r="T18" s="145"/>
      <c r="U18" s="145"/>
      <c r="V18" s="145"/>
      <c r="W18" s="145"/>
      <c r="X18" s="152"/>
      <c r="Y18" s="141"/>
      <c r="Z18" s="135"/>
      <c r="AA18" s="135"/>
      <c r="AB18" s="136"/>
      <c r="AC18" s="141"/>
      <c r="AD18" s="135"/>
      <c r="AE18" s="135"/>
      <c r="AF18" s="136"/>
    </row>
    <row r="19" spans="1:32" ht="18.75" customHeight="1" x14ac:dyDescent="0.15">
      <c r="A19" s="127"/>
      <c r="B19" s="128"/>
      <c r="C19" s="219"/>
      <c r="D19" s="131"/>
      <c r="E19" s="116"/>
      <c r="F19" s="131"/>
      <c r="G19" s="238"/>
      <c r="H19" s="310" t="s">
        <v>279</v>
      </c>
      <c r="I19" s="143" t="s">
        <v>11</v>
      </c>
      <c r="J19" s="144" t="s">
        <v>25</v>
      </c>
      <c r="K19" s="145"/>
      <c r="L19" s="147" t="s">
        <v>11</v>
      </c>
      <c r="M19" s="144" t="s">
        <v>56</v>
      </c>
      <c r="N19" s="144"/>
      <c r="O19" s="168" t="s">
        <v>11</v>
      </c>
      <c r="P19" s="153" t="s">
        <v>57</v>
      </c>
      <c r="Q19" s="144"/>
      <c r="R19" s="144"/>
      <c r="S19" s="145"/>
      <c r="T19" s="144"/>
      <c r="U19" s="145"/>
      <c r="V19" s="145"/>
      <c r="W19" s="145"/>
      <c r="X19" s="152"/>
      <c r="Y19" s="141"/>
      <c r="Z19" s="135"/>
      <c r="AA19" s="135"/>
      <c r="AB19" s="136"/>
      <c r="AC19" s="141"/>
      <c r="AD19" s="135"/>
      <c r="AE19" s="135"/>
      <c r="AF19" s="136"/>
    </row>
    <row r="20" spans="1:32" ht="18.75" customHeight="1" x14ac:dyDescent="0.15">
      <c r="A20" s="113" t="s">
        <v>11</v>
      </c>
      <c r="B20" s="128">
        <v>76</v>
      </c>
      <c r="C20" s="219" t="s">
        <v>280</v>
      </c>
      <c r="D20" s="113" t="s">
        <v>11</v>
      </c>
      <c r="E20" s="116" t="s">
        <v>281</v>
      </c>
      <c r="F20" s="131"/>
      <c r="G20" s="238"/>
      <c r="H20" s="151" t="s">
        <v>36</v>
      </c>
      <c r="I20" s="268" t="s">
        <v>11</v>
      </c>
      <c r="J20" s="144" t="s">
        <v>25</v>
      </c>
      <c r="K20" s="144"/>
      <c r="L20" s="147" t="s">
        <v>11</v>
      </c>
      <c r="M20" s="144" t="s">
        <v>26</v>
      </c>
      <c r="N20" s="144"/>
      <c r="O20" s="147" t="s">
        <v>11</v>
      </c>
      <c r="P20" s="144" t="s">
        <v>27</v>
      </c>
      <c r="Q20" s="148"/>
      <c r="R20" s="145"/>
      <c r="S20" s="145"/>
      <c r="T20" s="145"/>
      <c r="U20" s="145"/>
      <c r="V20" s="145"/>
      <c r="W20" s="145"/>
      <c r="X20" s="152"/>
      <c r="Y20" s="141"/>
      <c r="Z20" s="135"/>
      <c r="AA20" s="135"/>
      <c r="AB20" s="136"/>
      <c r="AC20" s="141"/>
      <c r="AD20" s="135"/>
      <c r="AE20" s="135"/>
      <c r="AF20" s="136"/>
    </row>
    <row r="21" spans="1:32" ht="19.5" customHeight="1" x14ac:dyDescent="0.15">
      <c r="A21" s="127"/>
      <c r="B21" s="128"/>
      <c r="C21" s="219" t="s">
        <v>282</v>
      </c>
      <c r="D21" s="113" t="s">
        <v>11</v>
      </c>
      <c r="E21" s="116" t="s">
        <v>283</v>
      </c>
      <c r="F21" s="131"/>
      <c r="G21" s="132"/>
      <c r="H21" s="144" t="s">
        <v>35</v>
      </c>
      <c r="I21" s="143" t="s">
        <v>11</v>
      </c>
      <c r="J21" s="144" t="s">
        <v>25</v>
      </c>
      <c r="K21" s="144"/>
      <c r="L21" s="147" t="s">
        <v>11</v>
      </c>
      <c r="M21" s="144" t="s">
        <v>29</v>
      </c>
      <c r="N21" s="144"/>
      <c r="O21" s="148"/>
      <c r="P21" s="144"/>
      <c r="Q21" s="148"/>
      <c r="R21" s="148"/>
      <c r="S21" s="148"/>
      <c r="T21" s="148"/>
      <c r="U21" s="148"/>
      <c r="V21" s="148"/>
      <c r="W21" s="148"/>
      <c r="X21" s="149"/>
      <c r="Y21" s="135"/>
      <c r="Z21" s="135"/>
      <c r="AA21" s="135"/>
      <c r="AB21" s="136"/>
      <c r="AC21" s="141"/>
      <c r="AD21" s="135"/>
      <c r="AE21" s="135"/>
      <c r="AF21" s="136"/>
    </row>
    <row r="22" spans="1:32" ht="18.75" customHeight="1" x14ac:dyDescent="0.15">
      <c r="A22" s="127"/>
      <c r="B22" s="128"/>
      <c r="C22" s="219"/>
      <c r="D22" s="131"/>
      <c r="E22" s="116"/>
      <c r="F22" s="131"/>
      <c r="G22" s="238"/>
      <c r="H22" s="311" t="s">
        <v>85</v>
      </c>
      <c r="I22" s="143" t="s">
        <v>11</v>
      </c>
      <c r="J22" s="144" t="s">
        <v>25</v>
      </c>
      <c r="K22" s="144"/>
      <c r="L22" s="147" t="s">
        <v>11</v>
      </c>
      <c r="M22" s="144" t="s">
        <v>86</v>
      </c>
      <c r="N22" s="144"/>
      <c r="O22" s="147" t="s">
        <v>11</v>
      </c>
      <c r="P22" s="144" t="s">
        <v>87</v>
      </c>
      <c r="Q22" s="200"/>
      <c r="R22" s="147" t="s">
        <v>11</v>
      </c>
      <c r="S22" s="144" t="s">
        <v>88</v>
      </c>
      <c r="T22" s="144"/>
      <c r="U22" s="144"/>
      <c r="V22" s="144"/>
      <c r="W22" s="144"/>
      <c r="X22" s="151"/>
      <c r="Y22" s="141"/>
      <c r="Z22" s="135"/>
      <c r="AA22" s="135"/>
      <c r="AB22" s="136"/>
      <c r="AC22" s="141"/>
      <c r="AD22" s="135"/>
      <c r="AE22" s="135"/>
      <c r="AF22" s="136"/>
    </row>
    <row r="23" spans="1:32" ht="18.75" customHeight="1" x14ac:dyDescent="0.15">
      <c r="A23" s="127"/>
      <c r="B23" s="128"/>
      <c r="C23" s="129"/>
      <c r="D23" s="130"/>
      <c r="E23" s="116"/>
      <c r="F23" s="131"/>
      <c r="G23" s="114"/>
      <c r="H23" s="395" t="s">
        <v>37</v>
      </c>
      <c r="I23" s="168" t="s">
        <v>11</v>
      </c>
      <c r="J23" s="153" t="s">
        <v>25</v>
      </c>
      <c r="K23" s="153"/>
      <c r="L23" s="165"/>
      <c r="M23" s="166"/>
      <c r="N23" s="166"/>
      <c r="O23" s="165"/>
      <c r="P23" s="166"/>
      <c r="Q23" s="167"/>
      <c r="R23" s="165"/>
      <c r="S23" s="166"/>
      <c r="T23" s="167"/>
      <c r="U23" s="168" t="s">
        <v>11</v>
      </c>
      <c r="V23" s="153" t="s">
        <v>38</v>
      </c>
      <c r="W23" s="169"/>
      <c r="X23" s="170"/>
      <c r="Y23" s="135"/>
      <c r="Z23" s="135"/>
      <c r="AA23" s="135"/>
      <c r="AB23" s="136"/>
      <c r="AC23" s="141"/>
      <c r="AD23" s="135"/>
      <c r="AE23" s="135"/>
      <c r="AF23" s="136"/>
    </row>
    <row r="24" spans="1:32" ht="18.75" customHeight="1" x14ac:dyDescent="0.15">
      <c r="A24" s="127"/>
      <c r="B24" s="128"/>
      <c r="C24" s="129"/>
      <c r="D24" s="130"/>
      <c r="E24" s="116"/>
      <c r="F24" s="131"/>
      <c r="G24" s="114"/>
      <c r="H24" s="395"/>
      <c r="I24" s="109" t="s">
        <v>11</v>
      </c>
      <c r="J24" s="114" t="s">
        <v>39</v>
      </c>
      <c r="K24" s="114"/>
      <c r="L24" s="109"/>
      <c r="M24" s="109" t="s">
        <v>11</v>
      </c>
      <c r="N24" s="114" t="s">
        <v>40</v>
      </c>
      <c r="O24" s="109"/>
      <c r="P24" s="109"/>
      <c r="Q24" s="109" t="s">
        <v>11</v>
      </c>
      <c r="R24" s="114" t="s">
        <v>41</v>
      </c>
      <c r="S24" s="101"/>
      <c r="T24" s="114"/>
      <c r="U24" s="109" t="s">
        <v>11</v>
      </c>
      <c r="V24" s="114" t="s">
        <v>42</v>
      </c>
      <c r="W24" s="133"/>
      <c r="X24" s="134"/>
      <c r="Y24" s="135"/>
      <c r="Z24" s="135"/>
      <c r="AA24" s="135"/>
      <c r="AB24" s="136"/>
      <c r="AC24" s="141"/>
      <c r="AD24" s="135"/>
      <c r="AE24" s="135"/>
      <c r="AF24" s="136"/>
    </row>
    <row r="25" spans="1:32" ht="18.75" customHeight="1" x14ac:dyDescent="0.15">
      <c r="A25" s="127"/>
      <c r="B25" s="128"/>
      <c r="C25" s="129"/>
      <c r="D25" s="130"/>
      <c r="E25" s="116"/>
      <c r="F25" s="131"/>
      <c r="G25" s="114"/>
      <c r="H25" s="395"/>
      <c r="I25" s="109" t="s">
        <v>11</v>
      </c>
      <c r="J25" s="114" t="s">
        <v>43</v>
      </c>
      <c r="K25" s="114"/>
      <c r="L25" s="109"/>
      <c r="M25" s="109" t="s">
        <v>11</v>
      </c>
      <c r="N25" s="114" t="s">
        <v>44</v>
      </c>
      <c r="O25" s="109"/>
      <c r="P25" s="109"/>
      <c r="Q25" s="109" t="s">
        <v>11</v>
      </c>
      <c r="R25" s="114" t="s">
        <v>45</v>
      </c>
      <c r="S25" s="101"/>
      <c r="T25" s="114"/>
      <c r="U25" s="109" t="s">
        <v>11</v>
      </c>
      <c r="V25" s="114" t="s">
        <v>46</v>
      </c>
      <c r="W25" s="133"/>
      <c r="X25" s="134"/>
      <c r="Y25" s="135"/>
      <c r="Z25" s="135"/>
      <c r="AA25" s="135"/>
      <c r="AB25" s="136"/>
      <c r="AC25" s="141"/>
      <c r="AD25" s="135"/>
      <c r="AE25" s="135"/>
      <c r="AF25" s="136"/>
    </row>
    <row r="26" spans="1:32" ht="18.75" customHeight="1" x14ac:dyDescent="0.15">
      <c r="A26" s="127"/>
      <c r="B26" s="128"/>
      <c r="C26" s="129"/>
      <c r="D26" s="130"/>
      <c r="E26" s="116"/>
      <c r="F26" s="131"/>
      <c r="G26" s="114"/>
      <c r="H26" s="395"/>
      <c r="I26" s="109" t="s">
        <v>11</v>
      </c>
      <c r="J26" s="114" t="s">
        <v>47</v>
      </c>
      <c r="K26" s="114"/>
      <c r="L26" s="109"/>
      <c r="M26" s="109" t="s">
        <v>11</v>
      </c>
      <c r="N26" s="114" t="s">
        <v>48</v>
      </c>
      <c r="O26" s="109"/>
      <c r="P26" s="109"/>
      <c r="Q26" s="109" t="s">
        <v>11</v>
      </c>
      <c r="R26" s="114" t="s">
        <v>49</v>
      </c>
      <c r="S26" s="101"/>
      <c r="T26" s="114"/>
      <c r="U26" s="109" t="s">
        <v>11</v>
      </c>
      <c r="V26" s="114" t="s">
        <v>50</v>
      </c>
      <c r="W26" s="133"/>
      <c r="X26" s="134"/>
      <c r="Y26" s="135"/>
      <c r="Z26" s="135"/>
      <c r="AA26" s="135"/>
      <c r="AB26" s="136"/>
      <c r="AC26" s="141"/>
      <c r="AD26" s="135"/>
      <c r="AE26" s="135"/>
      <c r="AF26" s="136"/>
    </row>
    <row r="27" spans="1:32" ht="18.75" customHeight="1" x14ac:dyDescent="0.15">
      <c r="A27" s="127"/>
      <c r="B27" s="128"/>
      <c r="C27" s="129"/>
      <c r="D27" s="130"/>
      <c r="E27" s="116"/>
      <c r="F27" s="131"/>
      <c r="G27" s="114"/>
      <c r="H27" s="395"/>
      <c r="I27" s="109" t="s">
        <v>11</v>
      </c>
      <c r="J27" s="114" t="s">
        <v>51</v>
      </c>
      <c r="K27" s="114"/>
      <c r="L27" s="109"/>
      <c r="M27" s="109" t="s">
        <v>11</v>
      </c>
      <c r="N27" s="114" t="s">
        <v>52</v>
      </c>
      <c r="O27" s="109"/>
      <c r="P27" s="109"/>
      <c r="Q27" s="109" t="s">
        <v>11</v>
      </c>
      <c r="R27" s="114" t="s">
        <v>53</v>
      </c>
      <c r="S27" s="101"/>
      <c r="T27" s="114"/>
      <c r="U27" s="109" t="s">
        <v>11</v>
      </c>
      <c r="V27" s="114" t="s">
        <v>54</v>
      </c>
      <c r="W27" s="133"/>
      <c r="X27" s="134"/>
      <c r="Y27" s="135"/>
      <c r="Z27" s="135"/>
      <c r="AA27" s="135"/>
      <c r="AB27" s="136"/>
      <c r="AC27" s="141"/>
      <c r="AD27" s="135"/>
      <c r="AE27" s="135"/>
      <c r="AF27" s="136"/>
    </row>
    <row r="28" spans="1:32" ht="18.75" customHeight="1" x14ac:dyDescent="0.15">
      <c r="A28" s="127"/>
      <c r="B28" s="128"/>
      <c r="C28" s="129"/>
      <c r="D28" s="130"/>
      <c r="E28" s="116"/>
      <c r="F28" s="131"/>
      <c r="G28" s="114"/>
      <c r="H28" s="459"/>
      <c r="I28" s="109" t="s">
        <v>11</v>
      </c>
      <c r="J28" s="114" t="s">
        <v>55</v>
      </c>
      <c r="K28" s="114"/>
      <c r="L28" s="109"/>
      <c r="M28" s="109"/>
      <c r="N28" s="114"/>
      <c r="O28" s="109"/>
      <c r="P28" s="109"/>
      <c r="Q28" s="109"/>
      <c r="R28" s="114"/>
      <c r="S28" s="101"/>
      <c r="T28" s="114"/>
      <c r="U28" s="109"/>
      <c r="V28" s="114"/>
      <c r="W28" s="133"/>
      <c r="X28" s="134"/>
      <c r="Y28" s="141"/>
      <c r="Z28" s="135"/>
      <c r="AA28" s="135"/>
      <c r="AB28" s="136"/>
      <c r="AC28" s="141"/>
      <c r="AD28" s="135"/>
      <c r="AE28" s="135"/>
      <c r="AF28" s="136"/>
    </row>
    <row r="29" spans="1:32" ht="19.5" customHeight="1" x14ac:dyDescent="0.15">
      <c r="A29" s="117"/>
      <c r="B29" s="118"/>
      <c r="C29" s="216"/>
      <c r="D29" s="120"/>
      <c r="E29" s="112"/>
      <c r="F29" s="121"/>
      <c r="G29" s="122"/>
      <c r="H29" s="231" t="s">
        <v>22</v>
      </c>
      <c r="I29" s="187" t="s">
        <v>11</v>
      </c>
      <c r="J29" s="188" t="s">
        <v>23</v>
      </c>
      <c r="K29" s="189"/>
      <c r="L29" s="190"/>
      <c r="M29" s="191" t="s">
        <v>11</v>
      </c>
      <c r="N29" s="188" t="s">
        <v>24</v>
      </c>
      <c r="O29" s="191"/>
      <c r="P29" s="188"/>
      <c r="Q29" s="192"/>
      <c r="R29" s="192"/>
      <c r="S29" s="192"/>
      <c r="T29" s="192"/>
      <c r="U29" s="192"/>
      <c r="V29" s="192"/>
      <c r="W29" s="192"/>
      <c r="X29" s="193"/>
      <c r="Y29" s="123" t="s">
        <v>11</v>
      </c>
      <c r="Z29" s="110" t="s">
        <v>20</v>
      </c>
      <c r="AA29" s="110"/>
      <c r="AB29" s="126"/>
      <c r="AC29" s="123" t="s">
        <v>11</v>
      </c>
      <c r="AD29" s="110" t="s">
        <v>20</v>
      </c>
      <c r="AE29" s="110"/>
      <c r="AF29" s="126"/>
    </row>
    <row r="30" spans="1:32" ht="18.75" customHeight="1" x14ac:dyDescent="0.15">
      <c r="A30" s="127"/>
      <c r="B30" s="128"/>
      <c r="C30" s="219"/>
      <c r="D30" s="131"/>
      <c r="E30" s="116"/>
      <c r="F30" s="131"/>
      <c r="G30" s="238"/>
      <c r="H30" s="312" t="s">
        <v>284</v>
      </c>
      <c r="I30" s="143" t="s">
        <v>11</v>
      </c>
      <c r="J30" s="144" t="s">
        <v>58</v>
      </c>
      <c r="K30" s="145"/>
      <c r="L30" s="146"/>
      <c r="M30" s="109" t="s">
        <v>11</v>
      </c>
      <c r="N30" s="144" t="s">
        <v>59</v>
      </c>
      <c r="O30" s="148"/>
      <c r="P30" s="155"/>
      <c r="Q30" s="155"/>
      <c r="R30" s="155"/>
      <c r="S30" s="155"/>
      <c r="T30" s="155"/>
      <c r="U30" s="155"/>
      <c r="V30" s="155"/>
      <c r="W30" s="155"/>
      <c r="X30" s="156"/>
      <c r="Y30" s="109" t="s">
        <v>11</v>
      </c>
      <c r="Z30" s="114" t="s">
        <v>21</v>
      </c>
      <c r="AA30" s="135"/>
      <c r="AB30" s="136"/>
      <c r="AC30" s="109" t="s">
        <v>11</v>
      </c>
      <c r="AD30" s="114" t="s">
        <v>21</v>
      </c>
      <c r="AE30" s="135"/>
      <c r="AF30" s="136"/>
    </row>
    <row r="31" spans="1:32" ht="18.75" customHeight="1" x14ac:dyDescent="0.15">
      <c r="A31" s="127"/>
      <c r="B31" s="128"/>
      <c r="C31" s="219"/>
      <c r="D31" s="131"/>
      <c r="E31" s="116"/>
      <c r="F31" s="131"/>
      <c r="G31" s="238"/>
      <c r="H31" s="226" t="s">
        <v>62</v>
      </c>
      <c r="I31" s="143" t="s">
        <v>11</v>
      </c>
      <c r="J31" s="144" t="s">
        <v>25</v>
      </c>
      <c r="K31" s="145"/>
      <c r="L31" s="147" t="s">
        <v>11</v>
      </c>
      <c r="M31" s="144" t="s">
        <v>29</v>
      </c>
      <c r="N31" s="200"/>
      <c r="O31" s="200"/>
      <c r="P31" s="200"/>
      <c r="Q31" s="200"/>
      <c r="R31" s="200"/>
      <c r="S31" s="200"/>
      <c r="T31" s="200"/>
      <c r="U31" s="200"/>
      <c r="V31" s="200"/>
      <c r="W31" s="200"/>
      <c r="X31" s="201"/>
      <c r="Y31" s="141"/>
      <c r="Z31" s="135"/>
      <c r="AA31" s="135"/>
      <c r="AB31" s="136"/>
      <c r="AC31" s="141"/>
      <c r="AD31" s="135"/>
      <c r="AE31" s="135"/>
      <c r="AF31" s="136"/>
    </row>
    <row r="32" spans="1:32" ht="18.75" customHeight="1" x14ac:dyDescent="0.15">
      <c r="A32" s="127"/>
      <c r="B32" s="128"/>
      <c r="C32" s="219"/>
      <c r="D32" s="131"/>
      <c r="E32" s="116"/>
      <c r="F32" s="131"/>
      <c r="G32" s="238"/>
      <c r="H32" s="395" t="s">
        <v>63</v>
      </c>
      <c r="I32" s="397" t="s">
        <v>11</v>
      </c>
      <c r="J32" s="421" t="s">
        <v>31</v>
      </c>
      <c r="K32" s="421"/>
      <c r="L32" s="421"/>
      <c r="M32" s="397" t="s">
        <v>11</v>
      </c>
      <c r="N32" s="421" t="s">
        <v>32</v>
      </c>
      <c r="O32" s="421"/>
      <c r="P32" s="421"/>
      <c r="Q32" s="162"/>
      <c r="R32" s="162"/>
      <c r="S32" s="162"/>
      <c r="T32" s="162"/>
      <c r="U32" s="162"/>
      <c r="V32" s="162"/>
      <c r="W32" s="162"/>
      <c r="X32" s="163"/>
      <c r="Y32" s="141"/>
      <c r="Z32" s="135"/>
      <c r="AA32" s="135"/>
      <c r="AB32" s="136"/>
      <c r="AC32" s="141"/>
      <c r="AD32" s="135"/>
      <c r="AE32" s="135"/>
      <c r="AF32" s="136"/>
    </row>
    <row r="33" spans="1:32" ht="18.75" customHeight="1" x14ac:dyDescent="0.15">
      <c r="A33" s="127"/>
      <c r="B33" s="128"/>
      <c r="C33" s="219"/>
      <c r="D33" s="131"/>
      <c r="E33" s="116"/>
      <c r="F33" s="131"/>
      <c r="G33" s="238"/>
      <c r="H33" s="395"/>
      <c r="I33" s="397"/>
      <c r="J33" s="421"/>
      <c r="K33" s="421"/>
      <c r="L33" s="421"/>
      <c r="M33" s="397"/>
      <c r="N33" s="421"/>
      <c r="O33" s="421"/>
      <c r="P33" s="421"/>
      <c r="Q33" s="139"/>
      <c r="R33" s="139"/>
      <c r="S33" s="139"/>
      <c r="T33" s="139"/>
      <c r="U33" s="139"/>
      <c r="V33" s="139"/>
      <c r="W33" s="139"/>
      <c r="X33" s="140"/>
      <c r="Y33" s="141"/>
      <c r="Z33" s="135"/>
      <c r="AA33" s="135"/>
      <c r="AB33" s="136"/>
      <c r="AC33" s="141"/>
      <c r="AD33" s="135"/>
      <c r="AE33" s="135"/>
      <c r="AF33" s="136"/>
    </row>
    <row r="34" spans="1:32" ht="18.75" customHeight="1" x14ac:dyDescent="0.15">
      <c r="A34" s="113" t="s">
        <v>11</v>
      </c>
      <c r="B34" s="128">
        <v>71</v>
      </c>
      <c r="C34" s="219" t="s">
        <v>285</v>
      </c>
      <c r="D34" s="113" t="s">
        <v>11</v>
      </c>
      <c r="E34" s="116" t="s">
        <v>107</v>
      </c>
      <c r="F34" s="131"/>
      <c r="G34" s="238"/>
      <c r="H34" s="197" t="s">
        <v>36</v>
      </c>
      <c r="I34" s="268" t="s">
        <v>11</v>
      </c>
      <c r="J34" s="144" t="s">
        <v>25</v>
      </c>
      <c r="K34" s="144"/>
      <c r="L34" s="147" t="s">
        <v>11</v>
      </c>
      <c r="M34" s="144" t="s">
        <v>26</v>
      </c>
      <c r="N34" s="144"/>
      <c r="O34" s="147" t="s">
        <v>11</v>
      </c>
      <c r="P34" s="144" t="s">
        <v>27</v>
      </c>
      <c r="Q34" s="148"/>
      <c r="R34" s="145"/>
      <c r="S34" s="145"/>
      <c r="T34" s="145"/>
      <c r="U34" s="145"/>
      <c r="V34" s="145"/>
      <c r="W34" s="145"/>
      <c r="X34" s="152"/>
      <c r="Y34" s="141"/>
      <c r="Z34" s="135"/>
      <c r="AA34" s="135"/>
      <c r="AB34" s="136"/>
      <c r="AC34" s="141"/>
      <c r="AD34" s="135"/>
      <c r="AE34" s="135"/>
      <c r="AF34" s="136"/>
    </row>
    <row r="35" spans="1:32" ht="18.75" customHeight="1" x14ac:dyDescent="0.15">
      <c r="A35" s="127"/>
      <c r="B35" s="128"/>
      <c r="C35" s="129"/>
      <c r="D35" s="113" t="s">
        <v>11</v>
      </c>
      <c r="E35" s="116" t="s">
        <v>106</v>
      </c>
      <c r="F35" s="131"/>
      <c r="G35" s="238"/>
      <c r="H35" s="462" t="s">
        <v>85</v>
      </c>
      <c r="I35" s="164" t="s">
        <v>11</v>
      </c>
      <c r="J35" s="153" t="s">
        <v>25</v>
      </c>
      <c r="K35" s="202"/>
      <c r="L35" s="168" t="s">
        <v>11</v>
      </c>
      <c r="M35" s="153" t="s">
        <v>286</v>
      </c>
      <c r="N35" s="202"/>
      <c r="O35" s="202"/>
      <c r="P35" s="202"/>
      <c r="Q35" s="202"/>
      <c r="R35" s="168" t="s">
        <v>11</v>
      </c>
      <c r="S35" s="153" t="s">
        <v>287</v>
      </c>
      <c r="T35" s="153"/>
      <c r="U35" s="202"/>
      <c r="V35" s="202"/>
      <c r="W35" s="202"/>
      <c r="X35" s="203"/>
      <c r="Y35" s="141"/>
      <c r="Z35" s="135"/>
      <c r="AA35" s="135"/>
      <c r="AB35" s="136"/>
      <c r="AC35" s="141"/>
      <c r="AD35" s="135"/>
      <c r="AE35" s="135"/>
      <c r="AF35" s="136"/>
    </row>
    <row r="36" spans="1:32" ht="18.75" customHeight="1" x14ac:dyDescent="0.15">
      <c r="A36" s="127"/>
      <c r="B36" s="128"/>
      <c r="C36" s="219"/>
      <c r="D36" s="131"/>
      <c r="E36" s="116"/>
      <c r="F36" s="131"/>
      <c r="G36" s="238"/>
      <c r="H36" s="462"/>
      <c r="I36" s="113" t="s">
        <v>11</v>
      </c>
      <c r="J36" s="101" t="s">
        <v>288</v>
      </c>
      <c r="K36" s="133"/>
      <c r="L36" s="133"/>
      <c r="M36" s="133"/>
      <c r="N36" s="133"/>
      <c r="O36" s="109" t="s">
        <v>11</v>
      </c>
      <c r="P36" s="313" t="s">
        <v>289</v>
      </c>
      <c r="Q36" s="133"/>
      <c r="R36" s="133"/>
      <c r="S36" s="133"/>
      <c r="T36" s="133"/>
      <c r="U36" s="133"/>
      <c r="V36" s="133"/>
      <c r="W36" s="133"/>
      <c r="X36" s="134"/>
      <c r="Y36" s="141"/>
      <c r="Z36" s="135"/>
      <c r="AA36" s="135"/>
      <c r="AB36" s="136"/>
      <c r="AC36" s="141"/>
      <c r="AD36" s="135"/>
      <c r="AE36" s="135"/>
      <c r="AF36" s="136"/>
    </row>
    <row r="37" spans="1:32" ht="18.75" customHeight="1" x14ac:dyDescent="0.15">
      <c r="A37" s="130"/>
      <c r="B37" s="159"/>
      <c r="C37" s="269"/>
      <c r="D37" s="101"/>
      <c r="E37" s="101"/>
      <c r="F37" s="131"/>
      <c r="G37" s="238"/>
      <c r="H37" s="462"/>
      <c r="I37" s="113" t="s">
        <v>11</v>
      </c>
      <c r="J37" s="101" t="s">
        <v>290</v>
      </c>
      <c r="K37" s="139"/>
      <c r="L37" s="139"/>
      <c r="M37" s="139"/>
      <c r="N37" s="139"/>
      <c r="O37" s="109" t="s">
        <v>11</v>
      </c>
      <c r="P37" s="313" t="s">
        <v>291</v>
      </c>
      <c r="Q37" s="139"/>
      <c r="R37" s="139"/>
      <c r="S37" s="139"/>
      <c r="T37" s="139"/>
      <c r="U37" s="139"/>
      <c r="V37" s="139"/>
      <c r="W37" s="139"/>
      <c r="X37" s="140"/>
      <c r="Y37" s="141"/>
      <c r="Z37" s="135"/>
      <c r="AA37" s="135"/>
      <c r="AB37" s="136"/>
      <c r="AC37" s="141"/>
      <c r="AD37" s="135"/>
      <c r="AE37" s="135"/>
      <c r="AF37" s="136"/>
    </row>
    <row r="38" spans="1:32" ht="18.75" customHeight="1" x14ac:dyDescent="0.15">
      <c r="A38" s="130"/>
      <c r="B38" s="159"/>
      <c r="C38" s="269"/>
      <c r="D38" s="246"/>
      <c r="E38" s="314"/>
      <c r="F38" s="271"/>
      <c r="G38" s="273"/>
      <c r="H38" s="463" t="s">
        <v>37</v>
      </c>
      <c r="I38" s="164" t="s">
        <v>11</v>
      </c>
      <c r="J38" s="153" t="s">
        <v>292</v>
      </c>
      <c r="K38" s="153"/>
      <c r="L38" s="165"/>
      <c r="M38" s="166"/>
      <c r="N38" s="166"/>
      <c r="O38" s="165"/>
      <c r="P38" s="166"/>
      <c r="Q38" s="167"/>
      <c r="R38" s="165"/>
      <c r="S38" s="166"/>
      <c r="T38" s="167"/>
      <c r="U38" s="168" t="s">
        <v>11</v>
      </c>
      <c r="V38" s="153" t="s">
        <v>38</v>
      </c>
      <c r="W38" s="169"/>
      <c r="X38" s="315"/>
      <c r="Y38" s="244"/>
      <c r="Z38" s="244"/>
      <c r="AA38" s="244"/>
      <c r="AB38" s="316"/>
      <c r="AC38" s="244"/>
      <c r="AD38" s="244"/>
      <c r="AE38" s="244"/>
      <c r="AF38" s="316"/>
    </row>
    <row r="39" spans="1:32" ht="18.75" customHeight="1" x14ac:dyDescent="0.15">
      <c r="A39" s="272"/>
      <c r="B39" s="128"/>
      <c r="C39" s="273"/>
      <c r="D39" s="246"/>
      <c r="E39" s="274"/>
      <c r="F39" s="271"/>
      <c r="G39" s="132"/>
      <c r="H39" s="463"/>
      <c r="I39" s="245" t="s">
        <v>11</v>
      </c>
      <c r="J39" s="243" t="s">
        <v>39</v>
      </c>
      <c r="K39" s="243"/>
      <c r="L39" s="245"/>
      <c r="M39" s="245" t="s">
        <v>11</v>
      </c>
      <c r="N39" s="243" t="s">
        <v>40</v>
      </c>
      <c r="O39" s="245"/>
      <c r="P39" s="245"/>
      <c r="Q39" s="245" t="s">
        <v>11</v>
      </c>
      <c r="R39" s="243" t="s">
        <v>41</v>
      </c>
      <c r="S39" s="246"/>
      <c r="T39" s="243"/>
      <c r="U39" s="245" t="s">
        <v>11</v>
      </c>
      <c r="V39" s="243" t="s">
        <v>42</v>
      </c>
      <c r="W39" s="247"/>
      <c r="X39" s="307"/>
      <c r="Y39" s="244"/>
      <c r="Z39" s="244"/>
      <c r="AA39" s="244"/>
      <c r="AB39" s="316"/>
      <c r="AC39" s="244"/>
      <c r="AD39" s="244"/>
      <c r="AE39" s="244"/>
      <c r="AF39" s="316"/>
    </row>
    <row r="40" spans="1:32" ht="18.75" customHeight="1" x14ac:dyDescent="0.15">
      <c r="A40" s="127"/>
      <c r="B40" s="128"/>
      <c r="C40" s="129"/>
      <c r="D40" s="246"/>
      <c r="E40" s="116"/>
      <c r="F40" s="131"/>
      <c r="G40" s="132"/>
      <c r="H40" s="463"/>
      <c r="I40" s="113" t="s">
        <v>11</v>
      </c>
      <c r="J40" s="243" t="s">
        <v>43</v>
      </c>
      <c r="K40" s="243"/>
      <c r="L40" s="245"/>
      <c r="M40" s="245" t="s">
        <v>11</v>
      </c>
      <c r="N40" s="243" t="s">
        <v>44</v>
      </c>
      <c r="O40" s="245"/>
      <c r="P40" s="245"/>
      <c r="Q40" s="245" t="s">
        <v>11</v>
      </c>
      <c r="R40" s="243" t="s">
        <v>45</v>
      </c>
      <c r="S40" s="246"/>
      <c r="T40" s="243"/>
      <c r="U40" s="245" t="s">
        <v>11</v>
      </c>
      <c r="V40" s="243" t="s">
        <v>46</v>
      </c>
      <c r="W40" s="247"/>
      <c r="X40" s="134"/>
      <c r="Y40" s="244"/>
      <c r="Z40" s="244"/>
      <c r="AA40" s="244"/>
      <c r="AB40" s="136"/>
      <c r="AC40" s="244"/>
      <c r="AD40" s="244"/>
      <c r="AE40" s="244"/>
      <c r="AF40" s="136"/>
    </row>
    <row r="41" spans="1:32" ht="18.75" customHeight="1" x14ac:dyDescent="0.15">
      <c r="A41" s="127"/>
      <c r="B41" s="128"/>
      <c r="C41" s="129"/>
      <c r="D41" s="130"/>
      <c r="E41" s="116"/>
      <c r="F41" s="131"/>
      <c r="G41" s="132"/>
      <c r="H41" s="463"/>
      <c r="I41" s="113" t="s">
        <v>11</v>
      </c>
      <c r="J41" s="243" t="s">
        <v>47</v>
      </c>
      <c r="K41" s="243"/>
      <c r="L41" s="245"/>
      <c r="M41" s="245" t="s">
        <v>11</v>
      </c>
      <c r="N41" s="243" t="s">
        <v>48</v>
      </c>
      <c r="O41" s="245"/>
      <c r="P41" s="245"/>
      <c r="Q41" s="245" t="s">
        <v>11</v>
      </c>
      <c r="R41" s="243" t="s">
        <v>49</v>
      </c>
      <c r="S41" s="246"/>
      <c r="T41" s="243"/>
      <c r="U41" s="245" t="s">
        <v>11</v>
      </c>
      <c r="V41" s="243" t="s">
        <v>50</v>
      </c>
      <c r="W41" s="247"/>
      <c r="X41" s="134"/>
      <c r="Y41" s="244"/>
      <c r="Z41" s="244"/>
      <c r="AA41" s="244"/>
      <c r="AB41" s="136"/>
      <c r="AC41" s="141"/>
      <c r="AD41" s="244"/>
      <c r="AE41" s="244"/>
      <c r="AF41" s="136"/>
    </row>
    <row r="42" spans="1:32" ht="18.75" customHeight="1" x14ac:dyDescent="0.15">
      <c r="A42" s="127"/>
      <c r="B42" s="128"/>
      <c r="C42" s="129"/>
      <c r="D42" s="130"/>
      <c r="E42" s="116"/>
      <c r="F42" s="131"/>
      <c r="G42" s="132"/>
      <c r="H42" s="463"/>
      <c r="I42" s="113" t="s">
        <v>11</v>
      </c>
      <c r="J42" s="243" t="s">
        <v>51</v>
      </c>
      <c r="K42" s="243"/>
      <c r="L42" s="245"/>
      <c r="M42" s="245" t="s">
        <v>11</v>
      </c>
      <c r="N42" s="243" t="s">
        <v>52</v>
      </c>
      <c r="O42" s="245"/>
      <c r="P42" s="245"/>
      <c r="Q42" s="245" t="s">
        <v>11</v>
      </c>
      <c r="R42" s="243" t="s">
        <v>53</v>
      </c>
      <c r="S42" s="246"/>
      <c r="T42" s="243"/>
      <c r="U42" s="245" t="s">
        <v>11</v>
      </c>
      <c r="V42" s="243" t="s">
        <v>54</v>
      </c>
      <c r="W42" s="247"/>
      <c r="X42" s="134"/>
      <c r="Y42" s="244"/>
      <c r="Z42" s="244"/>
      <c r="AA42" s="244"/>
      <c r="AB42" s="136"/>
      <c r="AC42" s="141"/>
      <c r="AD42" s="244"/>
      <c r="AE42" s="244"/>
      <c r="AF42" s="136"/>
    </row>
    <row r="43" spans="1:32" ht="18.75" customHeight="1" x14ac:dyDescent="0.15">
      <c r="A43" s="171"/>
      <c r="B43" s="172"/>
      <c r="C43" s="173"/>
      <c r="D43" s="174"/>
      <c r="E43" s="175"/>
      <c r="F43" s="176"/>
      <c r="G43" s="177"/>
      <c r="H43" s="463"/>
      <c r="I43" s="178" t="s">
        <v>11</v>
      </c>
      <c r="J43" s="179" t="s">
        <v>55</v>
      </c>
      <c r="K43" s="179"/>
      <c r="L43" s="180"/>
      <c r="M43" s="180"/>
      <c r="N43" s="179"/>
      <c r="O43" s="180"/>
      <c r="P43" s="180"/>
      <c r="Q43" s="180"/>
      <c r="R43" s="179"/>
      <c r="S43" s="181"/>
      <c r="T43" s="179"/>
      <c r="U43" s="180"/>
      <c r="V43" s="179"/>
      <c r="W43" s="182"/>
      <c r="X43" s="183"/>
      <c r="Y43" s="184"/>
      <c r="Z43" s="184"/>
      <c r="AA43" s="184"/>
      <c r="AB43" s="185"/>
      <c r="AC43" s="186"/>
      <c r="AD43" s="184"/>
      <c r="AE43" s="184"/>
      <c r="AF43" s="185"/>
    </row>
    <row r="44" spans="1:32" ht="18.75" customHeight="1" x14ac:dyDescent="0.15">
      <c r="A44" s="117"/>
      <c r="B44" s="118"/>
      <c r="C44" s="216"/>
      <c r="D44" s="120"/>
      <c r="E44" s="112"/>
      <c r="F44" s="121"/>
      <c r="G44" s="122"/>
      <c r="H44" s="317" t="s">
        <v>66</v>
      </c>
      <c r="I44" s="187" t="s">
        <v>11</v>
      </c>
      <c r="J44" s="188" t="s">
        <v>25</v>
      </c>
      <c r="K44" s="188"/>
      <c r="L44" s="190"/>
      <c r="M44" s="191" t="s">
        <v>11</v>
      </c>
      <c r="N44" s="188" t="s">
        <v>67</v>
      </c>
      <c r="O44" s="188"/>
      <c r="P44" s="190"/>
      <c r="Q44" s="191" t="s">
        <v>11</v>
      </c>
      <c r="R44" s="217" t="s">
        <v>68</v>
      </c>
      <c r="S44" s="217"/>
      <c r="T44" s="217"/>
      <c r="U44" s="217"/>
      <c r="V44" s="217"/>
      <c r="W44" s="217"/>
      <c r="X44" s="218"/>
      <c r="Y44" s="123" t="s">
        <v>11</v>
      </c>
      <c r="Z44" s="110" t="s">
        <v>20</v>
      </c>
      <c r="AA44" s="110"/>
      <c r="AB44" s="126"/>
      <c r="AC44" s="123" t="s">
        <v>11</v>
      </c>
      <c r="AD44" s="110" t="s">
        <v>20</v>
      </c>
      <c r="AE44" s="110"/>
      <c r="AF44" s="126"/>
    </row>
    <row r="45" spans="1:32" ht="19.5" customHeight="1" x14ac:dyDescent="0.15">
      <c r="A45" s="127"/>
      <c r="B45" s="128"/>
      <c r="C45" s="129"/>
      <c r="D45" s="130"/>
      <c r="E45" s="116"/>
      <c r="F45" s="131"/>
      <c r="G45" s="132"/>
      <c r="H45" s="198" t="s">
        <v>22</v>
      </c>
      <c r="I45" s="137" t="s">
        <v>11</v>
      </c>
      <c r="J45" s="155" t="s">
        <v>23</v>
      </c>
      <c r="K45" s="160"/>
      <c r="L45" s="199"/>
      <c r="M45" s="196" t="s">
        <v>11</v>
      </c>
      <c r="N45" s="155" t="s">
        <v>24</v>
      </c>
      <c r="O45" s="196"/>
      <c r="P45" s="155"/>
      <c r="Q45" s="139"/>
      <c r="R45" s="139"/>
      <c r="S45" s="139"/>
      <c r="T45" s="139"/>
      <c r="U45" s="139"/>
      <c r="V45" s="139"/>
      <c r="W45" s="139"/>
      <c r="X45" s="140"/>
      <c r="Y45" s="245" t="s">
        <v>11</v>
      </c>
      <c r="Z45" s="243" t="s">
        <v>21</v>
      </c>
      <c r="AA45" s="244"/>
      <c r="AB45" s="136"/>
      <c r="AC45" s="245" t="s">
        <v>11</v>
      </c>
      <c r="AD45" s="243" t="s">
        <v>21</v>
      </c>
      <c r="AE45" s="244"/>
      <c r="AF45" s="136"/>
    </row>
    <row r="46" spans="1:32" ht="19.5" customHeight="1" x14ac:dyDescent="0.15">
      <c r="A46" s="127"/>
      <c r="B46" s="128"/>
      <c r="C46" s="129"/>
      <c r="D46" s="130"/>
      <c r="E46" s="116"/>
      <c r="F46" s="131"/>
      <c r="G46" s="132"/>
      <c r="H46" s="142" t="s">
        <v>69</v>
      </c>
      <c r="I46" s="143" t="s">
        <v>11</v>
      </c>
      <c r="J46" s="144" t="s">
        <v>23</v>
      </c>
      <c r="K46" s="145"/>
      <c r="L46" s="146"/>
      <c r="M46" s="147" t="s">
        <v>11</v>
      </c>
      <c r="N46" s="144" t="s">
        <v>24</v>
      </c>
      <c r="O46" s="147"/>
      <c r="P46" s="144"/>
      <c r="Q46" s="148"/>
      <c r="R46" s="148"/>
      <c r="S46" s="148"/>
      <c r="T46" s="148"/>
      <c r="U46" s="148"/>
      <c r="V46" s="148"/>
      <c r="W46" s="148"/>
      <c r="X46" s="149"/>
      <c r="Y46" s="141"/>
      <c r="Z46" s="244"/>
      <c r="AA46" s="244"/>
      <c r="AB46" s="136"/>
      <c r="AC46" s="141"/>
      <c r="AD46" s="244"/>
      <c r="AE46" s="244"/>
      <c r="AF46" s="136"/>
    </row>
    <row r="47" spans="1:32" ht="18.75" customHeight="1" x14ac:dyDescent="0.15">
      <c r="A47" s="127"/>
      <c r="B47" s="128"/>
      <c r="C47" s="219"/>
      <c r="D47" s="131"/>
      <c r="E47" s="116"/>
      <c r="F47" s="131"/>
      <c r="G47" s="238"/>
      <c r="H47" s="395" t="s">
        <v>70</v>
      </c>
      <c r="I47" s="464" t="s">
        <v>11</v>
      </c>
      <c r="J47" s="421" t="s">
        <v>25</v>
      </c>
      <c r="K47" s="421"/>
      <c r="L47" s="466" t="s">
        <v>11</v>
      </c>
      <c r="M47" s="421" t="s">
        <v>29</v>
      </c>
      <c r="N47" s="421"/>
      <c r="O47" s="202"/>
      <c r="P47" s="202"/>
      <c r="Q47" s="202"/>
      <c r="R47" s="202"/>
      <c r="S47" s="202"/>
      <c r="T47" s="202"/>
      <c r="U47" s="202"/>
      <c r="V47" s="202"/>
      <c r="W47" s="202"/>
      <c r="X47" s="203"/>
      <c r="Y47" s="141"/>
      <c r="Z47" s="244"/>
      <c r="AA47" s="244"/>
      <c r="AB47" s="136"/>
      <c r="AC47" s="141"/>
      <c r="AD47" s="244"/>
      <c r="AE47" s="244"/>
      <c r="AF47" s="136"/>
    </row>
    <row r="48" spans="1:32" ht="18.75" customHeight="1" x14ac:dyDescent="0.15">
      <c r="A48" s="127"/>
      <c r="B48" s="128"/>
      <c r="C48" s="219"/>
      <c r="D48" s="131"/>
      <c r="E48" s="116"/>
      <c r="F48" s="131"/>
      <c r="G48" s="238"/>
      <c r="H48" s="395"/>
      <c r="I48" s="464"/>
      <c r="J48" s="421"/>
      <c r="K48" s="421"/>
      <c r="L48" s="466"/>
      <c r="M48" s="421"/>
      <c r="N48" s="421"/>
      <c r="O48" s="246"/>
      <c r="P48" s="246"/>
      <c r="Q48" s="246"/>
      <c r="R48" s="246"/>
      <c r="S48" s="246"/>
      <c r="T48" s="246"/>
      <c r="U48" s="246"/>
      <c r="V48" s="246"/>
      <c r="W48" s="246"/>
      <c r="X48" s="159"/>
      <c r="Y48" s="141"/>
      <c r="Z48" s="244"/>
      <c r="AA48" s="244"/>
      <c r="AB48" s="136"/>
      <c r="AC48" s="141"/>
      <c r="AD48" s="244"/>
      <c r="AE48" s="244"/>
      <c r="AF48" s="136"/>
    </row>
    <row r="49" spans="1:32" ht="18.75" customHeight="1" x14ac:dyDescent="0.15">
      <c r="A49" s="127"/>
      <c r="B49" s="128"/>
      <c r="C49" s="219"/>
      <c r="D49" s="131"/>
      <c r="E49" s="116"/>
      <c r="F49" s="131"/>
      <c r="G49" s="238"/>
      <c r="H49" s="395"/>
      <c r="I49" s="465"/>
      <c r="J49" s="421"/>
      <c r="K49" s="421"/>
      <c r="L49" s="466"/>
      <c r="M49" s="421"/>
      <c r="N49" s="421"/>
      <c r="O49" s="138"/>
      <c r="P49" s="138"/>
      <c r="Q49" s="138"/>
      <c r="R49" s="138"/>
      <c r="S49" s="138"/>
      <c r="T49" s="138"/>
      <c r="U49" s="138"/>
      <c r="V49" s="138"/>
      <c r="W49" s="138"/>
      <c r="X49" s="205"/>
      <c r="Y49" s="141"/>
      <c r="Z49" s="244"/>
      <c r="AA49" s="244"/>
      <c r="AB49" s="136"/>
      <c r="AC49" s="141"/>
      <c r="AD49" s="244"/>
      <c r="AE49" s="244"/>
      <c r="AF49" s="136"/>
    </row>
    <row r="50" spans="1:32" ht="18.75" customHeight="1" x14ac:dyDescent="0.15">
      <c r="A50" s="127"/>
      <c r="B50" s="128"/>
      <c r="C50" s="219"/>
      <c r="D50" s="131"/>
      <c r="E50" s="116"/>
      <c r="F50" s="131"/>
      <c r="G50" s="238"/>
      <c r="H50" s="226" t="s">
        <v>293</v>
      </c>
      <c r="I50" s="109" t="s">
        <v>11</v>
      </c>
      <c r="J50" s="144" t="s">
        <v>58</v>
      </c>
      <c r="K50" s="145"/>
      <c r="L50" s="146"/>
      <c r="M50" s="147" t="s">
        <v>11</v>
      </c>
      <c r="N50" s="144" t="s">
        <v>59</v>
      </c>
      <c r="O50" s="148"/>
      <c r="P50" s="148"/>
      <c r="Q50" s="148"/>
      <c r="R50" s="148"/>
      <c r="S50" s="148"/>
      <c r="T50" s="148"/>
      <c r="U50" s="148"/>
      <c r="V50" s="148"/>
      <c r="W50" s="148"/>
      <c r="X50" s="149"/>
      <c r="Y50" s="141"/>
      <c r="Z50" s="135"/>
      <c r="AA50" s="135"/>
      <c r="AB50" s="136"/>
      <c r="AC50" s="141"/>
      <c r="AD50" s="135"/>
      <c r="AE50" s="135"/>
      <c r="AF50" s="136"/>
    </row>
    <row r="51" spans="1:32" ht="18.75" customHeight="1" x14ac:dyDescent="0.15">
      <c r="A51" s="127"/>
      <c r="B51" s="128"/>
      <c r="C51" s="219"/>
      <c r="D51" s="131"/>
      <c r="E51" s="116"/>
      <c r="F51" s="131"/>
      <c r="G51" s="238"/>
      <c r="H51" s="395" t="s">
        <v>72</v>
      </c>
      <c r="I51" s="397" t="s">
        <v>11</v>
      </c>
      <c r="J51" s="421" t="s">
        <v>25</v>
      </c>
      <c r="K51" s="421"/>
      <c r="L51" s="397" t="s">
        <v>11</v>
      </c>
      <c r="M51" s="421" t="s">
        <v>29</v>
      </c>
      <c r="N51" s="421"/>
      <c r="O51" s="153"/>
      <c r="P51" s="153"/>
      <c r="Q51" s="153"/>
      <c r="R51" s="153"/>
      <c r="S51" s="153"/>
      <c r="T51" s="153"/>
      <c r="U51" s="153"/>
      <c r="V51" s="153"/>
      <c r="W51" s="153"/>
      <c r="X51" s="157"/>
      <c r="Y51" s="141"/>
      <c r="Z51" s="135"/>
      <c r="AA51" s="135"/>
      <c r="AB51" s="136"/>
      <c r="AC51" s="141"/>
      <c r="AD51" s="135"/>
      <c r="AE51" s="135"/>
      <c r="AF51" s="136"/>
    </row>
    <row r="52" spans="1:32" ht="18.75" customHeight="1" x14ac:dyDescent="0.15">
      <c r="A52" s="127"/>
      <c r="B52" s="128"/>
      <c r="C52" s="219"/>
      <c r="D52" s="131"/>
      <c r="E52" s="116"/>
      <c r="F52" s="131"/>
      <c r="G52" s="238"/>
      <c r="H52" s="395"/>
      <c r="I52" s="397"/>
      <c r="J52" s="421"/>
      <c r="K52" s="421"/>
      <c r="L52" s="397"/>
      <c r="M52" s="421"/>
      <c r="N52" s="421"/>
      <c r="O52" s="155"/>
      <c r="P52" s="155"/>
      <c r="Q52" s="155"/>
      <c r="R52" s="155"/>
      <c r="S52" s="155"/>
      <c r="T52" s="155"/>
      <c r="U52" s="155"/>
      <c r="V52" s="155"/>
      <c r="W52" s="155"/>
      <c r="X52" s="156"/>
      <c r="Y52" s="141"/>
      <c r="Z52" s="135"/>
      <c r="AA52" s="135"/>
      <c r="AB52" s="136"/>
      <c r="AC52" s="141"/>
      <c r="AD52" s="135"/>
      <c r="AE52" s="135"/>
      <c r="AF52" s="136"/>
    </row>
    <row r="53" spans="1:32" ht="18.75" customHeight="1" x14ac:dyDescent="0.15">
      <c r="A53" s="127"/>
      <c r="B53" s="128"/>
      <c r="C53" s="219"/>
      <c r="D53" s="131"/>
      <c r="E53" s="116"/>
      <c r="F53" s="131"/>
      <c r="G53" s="238"/>
      <c r="H53" s="395" t="s">
        <v>73</v>
      </c>
      <c r="I53" s="397" t="s">
        <v>11</v>
      </c>
      <c r="J53" s="421" t="s">
        <v>25</v>
      </c>
      <c r="K53" s="421"/>
      <c r="L53" s="397" t="s">
        <v>11</v>
      </c>
      <c r="M53" s="421" t="s">
        <v>29</v>
      </c>
      <c r="N53" s="421"/>
      <c r="O53" s="153"/>
      <c r="P53" s="153"/>
      <c r="Q53" s="153"/>
      <c r="R53" s="153"/>
      <c r="S53" s="153"/>
      <c r="T53" s="153"/>
      <c r="U53" s="153"/>
      <c r="V53" s="153"/>
      <c r="W53" s="153"/>
      <c r="X53" s="157"/>
      <c r="Y53" s="141"/>
      <c r="Z53" s="135"/>
      <c r="AA53" s="135"/>
      <c r="AB53" s="136"/>
      <c r="AC53" s="141"/>
      <c r="AD53" s="135"/>
      <c r="AE53" s="135"/>
      <c r="AF53" s="136"/>
    </row>
    <row r="54" spans="1:32" ht="18.75" customHeight="1" x14ac:dyDescent="0.15">
      <c r="A54" s="127"/>
      <c r="B54" s="128"/>
      <c r="C54" s="219"/>
      <c r="D54" s="131"/>
      <c r="E54" s="116"/>
      <c r="F54" s="131"/>
      <c r="G54" s="238"/>
      <c r="H54" s="395"/>
      <c r="I54" s="397"/>
      <c r="J54" s="421"/>
      <c r="K54" s="421"/>
      <c r="L54" s="397"/>
      <c r="M54" s="421"/>
      <c r="N54" s="421"/>
      <c r="O54" s="155"/>
      <c r="P54" s="155"/>
      <c r="Q54" s="155"/>
      <c r="R54" s="155"/>
      <c r="S54" s="155"/>
      <c r="T54" s="155"/>
      <c r="U54" s="155"/>
      <c r="V54" s="155"/>
      <c r="W54" s="155"/>
      <c r="X54" s="156"/>
      <c r="Y54" s="141"/>
      <c r="Z54" s="135"/>
      <c r="AA54" s="135"/>
      <c r="AB54" s="136"/>
      <c r="AC54" s="141"/>
      <c r="AD54" s="135"/>
      <c r="AE54" s="135"/>
      <c r="AF54" s="136"/>
    </row>
    <row r="55" spans="1:32" ht="18.75" customHeight="1" x14ac:dyDescent="0.15">
      <c r="A55" s="127"/>
      <c r="B55" s="128"/>
      <c r="C55" s="219"/>
      <c r="D55" s="131"/>
      <c r="E55" s="116"/>
      <c r="F55" s="131"/>
      <c r="G55" s="238"/>
      <c r="H55" s="395" t="s">
        <v>74</v>
      </c>
      <c r="I55" s="397" t="s">
        <v>11</v>
      </c>
      <c r="J55" s="421" t="s">
        <v>25</v>
      </c>
      <c r="K55" s="421"/>
      <c r="L55" s="397" t="s">
        <v>11</v>
      </c>
      <c r="M55" s="421" t="s">
        <v>29</v>
      </c>
      <c r="N55" s="421"/>
      <c r="O55" s="153"/>
      <c r="P55" s="153"/>
      <c r="Q55" s="153"/>
      <c r="R55" s="153"/>
      <c r="S55" s="153"/>
      <c r="T55" s="153"/>
      <c r="U55" s="153"/>
      <c r="V55" s="153"/>
      <c r="W55" s="153"/>
      <c r="X55" s="157"/>
      <c r="Y55" s="141"/>
      <c r="Z55" s="135"/>
      <c r="AA55" s="135"/>
      <c r="AB55" s="136"/>
      <c r="AC55" s="141"/>
      <c r="AD55" s="135"/>
      <c r="AE55" s="135"/>
      <c r="AF55" s="136"/>
    </row>
    <row r="56" spans="1:32" ht="18.75" customHeight="1" x14ac:dyDescent="0.15">
      <c r="A56" s="127"/>
      <c r="B56" s="128"/>
      <c r="C56" s="219"/>
      <c r="D56" s="131"/>
      <c r="E56" s="116"/>
      <c r="F56" s="131"/>
      <c r="G56" s="238"/>
      <c r="H56" s="395"/>
      <c r="I56" s="397"/>
      <c r="J56" s="421"/>
      <c r="K56" s="421"/>
      <c r="L56" s="397"/>
      <c r="M56" s="421"/>
      <c r="N56" s="421"/>
      <c r="O56" s="155"/>
      <c r="P56" s="155"/>
      <c r="Q56" s="155"/>
      <c r="R56" s="155"/>
      <c r="S56" s="155"/>
      <c r="T56" s="155"/>
      <c r="U56" s="155"/>
      <c r="V56" s="155"/>
      <c r="W56" s="155"/>
      <c r="X56" s="156"/>
      <c r="Y56" s="141"/>
      <c r="Z56" s="135"/>
      <c r="AA56" s="135"/>
      <c r="AB56" s="136"/>
      <c r="AC56" s="141"/>
      <c r="AD56" s="135"/>
      <c r="AE56" s="135"/>
      <c r="AF56" s="136"/>
    </row>
    <row r="57" spans="1:32" ht="18.75" customHeight="1" x14ac:dyDescent="0.15">
      <c r="A57" s="127"/>
      <c r="B57" s="128"/>
      <c r="C57" s="219"/>
      <c r="D57" s="131"/>
      <c r="E57" s="116"/>
      <c r="F57" s="131"/>
      <c r="G57" s="238"/>
      <c r="H57" s="395" t="s">
        <v>75</v>
      </c>
      <c r="I57" s="397" t="s">
        <v>11</v>
      </c>
      <c r="J57" s="421" t="s">
        <v>25</v>
      </c>
      <c r="K57" s="421"/>
      <c r="L57" s="397" t="s">
        <v>11</v>
      </c>
      <c r="M57" s="421" t="s">
        <v>29</v>
      </c>
      <c r="N57" s="421"/>
      <c r="O57" s="153"/>
      <c r="P57" s="153"/>
      <c r="Q57" s="153"/>
      <c r="R57" s="153"/>
      <c r="S57" s="153"/>
      <c r="T57" s="153"/>
      <c r="U57" s="153"/>
      <c r="V57" s="153"/>
      <c r="W57" s="153"/>
      <c r="X57" s="157"/>
      <c r="Y57" s="141"/>
      <c r="Z57" s="135"/>
      <c r="AA57" s="135"/>
      <c r="AB57" s="136"/>
      <c r="AC57" s="141"/>
      <c r="AD57" s="135"/>
      <c r="AE57" s="135"/>
      <c r="AF57" s="136"/>
    </row>
    <row r="58" spans="1:32" ht="18.75" customHeight="1" x14ac:dyDescent="0.15">
      <c r="A58" s="127"/>
      <c r="B58" s="128"/>
      <c r="C58" s="219"/>
      <c r="D58" s="131"/>
      <c r="E58" s="116"/>
      <c r="F58" s="131"/>
      <c r="G58" s="238"/>
      <c r="H58" s="395"/>
      <c r="I58" s="397"/>
      <c r="J58" s="421"/>
      <c r="K58" s="421"/>
      <c r="L58" s="397"/>
      <c r="M58" s="421"/>
      <c r="N58" s="421"/>
      <c r="O58" s="155"/>
      <c r="P58" s="155"/>
      <c r="Q58" s="155"/>
      <c r="R58" s="155"/>
      <c r="S58" s="155"/>
      <c r="T58" s="155"/>
      <c r="U58" s="155"/>
      <c r="V58" s="155"/>
      <c r="W58" s="155"/>
      <c r="X58" s="156"/>
      <c r="Y58" s="141"/>
      <c r="Z58" s="135"/>
      <c r="AA58" s="135"/>
      <c r="AB58" s="136"/>
      <c r="AC58" s="141"/>
      <c r="AD58" s="135"/>
      <c r="AE58" s="135"/>
      <c r="AF58" s="136"/>
    </row>
    <row r="59" spans="1:32" ht="18.75" customHeight="1" x14ac:dyDescent="0.15">
      <c r="A59" s="127"/>
      <c r="B59" s="128"/>
      <c r="C59" s="219"/>
      <c r="D59" s="131"/>
      <c r="E59" s="116"/>
      <c r="F59" s="131"/>
      <c r="G59" s="238"/>
      <c r="H59" s="224" t="s">
        <v>96</v>
      </c>
      <c r="I59" s="143" t="s">
        <v>11</v>
      </c>
      <c r="J59" s="144" t="s">
        <v>25</v>
      </c>
      <c r="K59" s="145"/>
      <c r="L59" s="147" t="s">
        <v>11</v>
      </c>
      <c r="M59" s="144" t="s">
        <v>29</v>
      </c>
      <c r="N59" s="200"/>
      <c r="O59" s="200"/>
      <c r="P59" s="200"/>
      <c r="Q59" s="200"/>
      <c r="R59" s="200"/>
      <c r="S59" s="200"/>
      <c r="T59" s="200"/>
      <c r="U59" s="200"/>
      <c r="V59" s="200"/>
      <c r="W59" s="200"/>
      <c r="X59" s="201"/>
      <c r="Y59" s="141"/>
      <c r="Z59" s="135"/>
      <c r="AA59" s="135"/>
      <c r="AB59" s="136"/>
      <c r="AC59" s="141"/>
      <c r="AD59" s="135"/>
      <c r="AE59" s="135"/>
      <c r="AF59" s="136"/>
    </row>
    <row r="60" spans="1:32" ht="18.75" customHeight="1" x14ac:dyDescent="0.15">
      <c r="A60" s="127"/>
      <c r="B60" s="128"/>
      <c r="C60" s="219"/>
      <c r="D60" s="131"/>
      <c r="E60" s="116"/>
      <c r="F60" s="131"/>
      <c r="G60" s="238"/>
      <c r="H60" s="150" t="s">
        <v>77</v>
      </c>
      <c r="I60" s="109" t="s">
        <v>11</v>
      </c>
      <c r="J60" s="155" t="s">
        <v>25</v>
      </c>
      <c r="K60" s="155"/>
      <c r="L60" s="147" t="s">
        <v>11</v>
      </c>
      <c r="M60" s="155" t="s">
        <v>26</v>
      </c>
      <c r="N60" s="144"/>
      <c r="O60" s="109" t="s">
        <v>11</v>
      </c>
      <c r="P60" s="144" t="s">
        <v>27</v>
      </c>
      <c r="Q60" s="200"/>
      <c r="R60" s="200"/>
      <c r="S60" s="200"/>
      <c r="T60" s="200"/>
      <c r="U60" s="200"/>
      <c r="V60" s="200"/>
      <c r="W60" s="200"/>
      <c r="X60" s="201"/>
      <c r="Y60" s="141"/>
      <c r="Z60" s="135"/>
      <c r="AA60" s="135"/>
      <c r="AB60" s="136"/>
      <c r="AC60" s="141"/>
      <c r="AD60" s="135"/>
      <c r="AE60" s="135"/>
      <c r="AF60" s="136"/>
    </row>
    <row r="61" spans="1:32" ht="18.75" customHeight="1" x14ac:dyDescent="0.15">
      <c r="A61" s="127"/>
      <c r="B61" s="128"/>
      <c r="C61" s="219"/>
      <c r="D61" s="131"/>
      <c r="E61" s="116"/>
      <c r="F61" s="131"/>
      <c r="G61" s="238"/>
      <c r="H61" s="150" t="s">
        <v>90</v>
      </c>
      <c r="I61" s="164" t="s">
        <v>11</v>
      </c>
      <c r="J61" s="144" t="s">
        <v>25</v>
      </c>
      <c r="K61" s="145"/>
      <c r="L61" s="109" t="s">
        <v>11</v>
      </c>
      <c r="M61" s="144" t="s">
        <v>29</v>
      </c>
      <c r="N61" s="200"/>
      <c r="O61" s="200"/>
      <c r="P61" s="200"/>
      <c r="Q61" s="200"/>
      <c r="R61" s="200"/>
      <c r="S61" s="200"/>
      <c r="T61" s="200"/>
      <c r="U61" s="200"/>
      <c r="V61" s="200"/>
      <c r="W61" s="200"/>
      <c r="X61" s="201"/>
      <c r="Y61" s="141"/>
      <c r="Z61" s="135"/>
      <c r="AA61" s="135"/>
      <c r="AB61" s="136"/>
      <c r="AC61" s="141"/>
      <c r="AD61" s="135"/>
      <c r="AE61" s="135"/>
      <c r="AF61" s="136"/>
    </row>
    <row r="62" spans="1:32" ht="18.75" customHeight="1" x14ac:dyDescent="0.15">
      <c r="A62" s="127"/>
      <c r="B62" s="128"/>
      <c r="C62" s="219"/>
      <c r="D62" s="131"/>
      <c r="E62" s="116"/>
      <c r="F62" s="131"/>
      <c r="G62" s="238"/>
      <c r="H62" s="224" t="s">
        <v>294</v>
      </c>
      <c r="I62" s="164" t="s">
        <v>11</v>
      </c>
      <c r="J62" s="144" t="s">
        <v>25</v>
      </c>
      <c r="K62" s="145"/>
      <c r="L62" s="147" t="s">
        <v>11</v>
      </c>
      <c r="M62" s="144" t="s">
        <v>29</v>
      </c>
      <c r="N62" s="200"/>
      <c r="O62" s="200"/>
      <c r="P62" s="200"/>
      <c r="Q62" s="200"/>
      <c r="R62" s="200"/>
      <c r="S62" s="200"/>
      <c r="T62" s="200"/>
      <c r="U62" s="200"/>
      <c r="V62" s="200"/>
      <c r="W62" s="200"/>
      <c r="X62" s="201"/>
      <c r="Y62" s="109"/>
      <c r="Z62" s="114"/>
      <c r="AA62" s="135"/>
      <c r="AB62" s="136"/>
      <c r="AC62" s="109"/>
      <c r="AD62" s="114"/>
      <c r="AE62" s="135"/>
      <c r="AF62" s="136"/>
    </row>
    <row r="63" spans="1:32" ht="18.75" customHeight="1" x14ac:dyDescent="0.15">
      <c r="A63" s="113" t="s">
        <v>11</v>
      </c>
      <c r="B63" s="128">
        <v>78</v>
      </c>
      <c r="C63" s="219" t="s">
        <v>295</v>
      </c>
      <c r="D63" s="113" t="s">
        <v>11</v>
      </c>
      <c r="E63" s="116" t="s">
        <v>296</v>
      </c>
      <c r="F63" s="131"/>
      <c r="G63" s="238"/>
      <c r="H63" s="150" t="s">
        <v>97</v>
      </c>
      <c r="I63" s="164" t="s">
        <v>11</v>
      </c>
      <c r="J63" s="144" t="s">
        <v>25</v>
      </c>
      <c r="K63" s="144"/>
      <c r="L63" s="168" t="s">
        <v>11</v>
      </c>
      <c r="M63" s="144" t="s">
        <v>56</v>
      </c>
      <c r="N63" s="144"/>
      <c r="O63" s="109" t="s">
        <v>11</v>
      </c>
      <c r="P63" s="144" t="s">
        <v>57</v>
      </c>
      <c r="Q63" s="200"/>
      <c r="R63" s="200"/>
      <c r="S63" s="200"/>
      <c r="T63" s="200"/>
      <c r="U63" s="200"/>
      <c r="V63" s="200"/>
      <c r="W63" s="200"/>
      <c r="X63" s="201"/>
      <c r="Y63" s="141"/>
      <c r="Z63" s="135"/>
      <c r="AA63" s="135"/>
      <c r="AB63" s="136"/>
      <c r="AC63" s="141"/>
      <c r="AD63" s="135"/>
      <c r="AE63" s="135"/>
      <c r="AF63" s="136"/>
    </row>
    <row r="64" spans="1:32" ht="18.75" customHeight="1" x14ac:dyDescent="0.15">
      <c r="A64" s="127"/>
      <c r="B64" s="128"/>
      <c r="C64" s="219"/>
      <c r="D64" s="113" t="s">
        <v>11</v>
      </c>
      <c r="E64" s="116" t="s">
        <v>297</v>
      </c>
      <c r="F64" s="131"/>
      <c r="G64" s="238"/>
      <c r="H64" s="150" t="s">
        <v>153</v>
      </c>
      <c r="I64" s="164" t="s">
        <v>11</v>
      </c>
      <c r="J64" s="144" t="s">
        <v>25</v>
      </c>
      <c r="K64" s="144"/>
      <c r="L64" s="168" t="s">
        <v>11</v>
      </c>
      <c r="M64" s="144" t="s">
        <v>78</v>
      </c>
      <c r="N64" s="222"/>
      <c r="O64" s="222"/>
      <c r="P64" s="109" t="s">
        <v>11</v>
      </c>
      <c r="Q64" s="144" t="s">
        <v>79</v>
      </c>
      <c r="R64" s="222"/>
      <c r="S64" s="222"/>
      <c r="T64" s="222"/>
      <c r="U64" s="222"/>
      <c r="V64" s="222"/>
      <c r="W64" s="222"/>
      <c r="X64" s="223"/>
      <c r="Y64" s="141"/>
      <c r="Z64" s="135"/>
      <c r="AA64" s="135"/>
      <c r="AB64" s="136"/>
      <c r="AC64" s="141"/>
      <c r="AD64" s="135"/>
      <c r="AE64" s="135"/>
      <c r="AF64" s="136"/>
    </row>
    <row r="65" spans="1:32" ht="18.75" customHeight="1" x14ac:dyDescent="0.15">
      <c r="A65" s="127"/>
      <c r="B65" s="128"/>
      <c r="C65" s="219"/>
      <c r="D65" s="113" t="s">
        <v>11</v>
      </c>
      <c r="E65" s="116" t="s">
        <v>298</v>
      </c>
      <c r="F65" s="131"/>
      <c r="G65" s="238"/>
      <c r="H65" s="226" t="s">
        <v>154</v>
      </c>
      <c r="I65" s="164" t="s">
        <v>11</v>
      </c>
      <c r="J65" s="144" t="s">
        <v>25</v>
      </c>
      <c r="K65" s="145"/>
      <c r="L65" s="147" t="s">
        <v>11</v>
      </c>
      <c r="M65" s="144" t="s">
        <v>29</v>
      </c>
      <c r="N65" s="200"/>
      <c r="O65" s="200"/>
      <c r="P65" s="200"/>
      <c r="Q65" s="200"/>
      <c r="R65" s="200"/>
      <c r="S65" s="200"/>
      <c r="T65" s="200"/>
      <c r="U65" s="200"/>
      <c r="V65" s="200"/>
      <c r="W65" s="200"/>
      <c r="X65" s="201"/>
      <c r="Y65" s="141"/>
      <c r="Z65" s="135"/>
      <c r="AA65" s="135"/>
      <c r="AB65" s="136"/>
      <c r="AC65" s="141"/>
      <c r="AD65" s="135"/>
      <c r="AE65" s="135"/>
      <c r="AF65" s="136"/>
    </row>
    <row r="66" spans="1:32" ht="18.75" customHeight="1" x14ac:dyDescent="0.15">
      <c r="A66" s="127"/>
      <c r="B66" s="128"/>
      <c r="C66" s="219"/>
      <c r="D66" s="131"/>
      <c r="E66" s="116"/>
      <c r="F66" s="131"/>
      <c r="G66" s="238"/>
      <c r="H66" s="224" t="s">
        <v>80</v>
      </c>
      <c r="I66" s="164" t="s">
        <v>11</v>
      </c>
      <c r="J66" s="144" t="s">
        <v>25</v>
      </c>
      <c r="K66" s="145"/>
      <c r="L66" s="109" t="s">
        <v>11</v>
      </c>
      <c r="M66" s="144" t="s">
        <v>29</v>
      </c>
      <c r="N66" s="200"/>
      <c r="O66" s="200"/>
      <c r="P66" s="200"/>
      <c r="Q66" s="200"/>
      <c r="R66" s="200"/>
      <c r="S66" s="200"/>
      <c r="T66" s="200"/>
      <c r="U66" s="200"/>
      <c r="V66" s="200"/>
      <c r="W66" s="200"/>
      <c r="X66" s="201"/>
      <c r="Y66" s="141"/>
      <c r="Z66" s="135"/>
      <c r="AA66" s="135"/>
      <c r="AB66" s="136"/>
      <c r="AC66" s="141"/>
      <c r="AD66" s="135"/>
      <c r="AE66" s="135"/>
      <c r="AF66" s="136"/>
    </row>
    <row r="67" spans="1:32" ht="18.75" customHeight="1" x14ac:dyDescent="0.15">
      <c r="A67" s="127"/>
      <c r="B67" s="128"/>
      <c r="C67" s="219"/>
      <c r="D67" s="131"/>
      <c r="E67" s="116"/>
      <c r="F67" s="131"/>
      <c r="G67" s="238"/>
      <c r="H67" s="226" t="s">
        <v>81</v>
      </c>
      <c r="I67" s="143" t="s">
        <v>11</v>
      </c>
      <c r="J67" s="144" t="s">
        <v>25</v>
      </c>
      <c r="K67" s="145"/>
      <c r="L67" s="147" t="s">
        <v>11</v>
      </c>
      <c r="M67" s="144" t="s">
        <v>29</v>
      </c>
      <c r="N67" s="200"/>
      <c r="O67" s="200"/>
      <c r="P67" s="200"/>
      <c r="Q67" s="200"/>
      <c r="R67" s="200"/>
      <c r="S67" s="200"/>
      <c r="T67" s="200"/>
      <c r="U67" s="200"/>
      <c r="V67" s="200"/>
      <c r="W67" s="200"/>
      <c r="X67" s="201"/>
      <c r="Y67" s="141"/>
      <c r="Z67" s="135"/>
      <c r="AA67" s="135"/>
      <c r="AB67" s="136"/>
      <c r="AC67" s="141"/>
      <c r="AD67" s="135"/>
      <c r="AE67" s="135"/>
      <c r="AF67" s="136"/>
    </row>
    <row r="68" spans="1:32" ht="18.75" customHeight="1" x14ac:dyDescent="0.15">
      <c r="A68" s="127"/>
      <c r="B68" s="128"/>
      <c r="C68" s="219"/>
      <c r="D68" s="131"/>
      <c r="E68" s="116"/>
      <c r="F68" s="131"/>
      <c r="G68" s="238"/>
      <c r="H68" s="197" t="s">
        <v>82</v>
      </c>
      <c r="I68" s="147" t="s">
        <v>11</v>
      </c>
      <c r="J68" s="144" t="s">
        <v>25</v>
      </c>
      <c r="K68" s="145"/>
      <c r="L68" s="196" t="s">
        <v>11</v>
      </c>
      <c r="M68" s="144" t="s">
        <v>29</v>
      </c>
      <c r="N68" s="200"/>
      <c r="O68" s="200"/>
      <c r="P68" s="200"/>
      <c r="Q68" s="200"/>
      <c r="R68" s="200"/>
      <c r="S68" s="200"/>
      <c r="T68" s="200"/>
      <c r="U68" s="200"/>
      <c r="V68" s="200"/>
      <c r="W68" s="200"/>
      <c r="X68" s="201"/>
      <c r="Y68" s="141"/>
      <c r="Z68" s="135"/>
      <c r="AA68" s="135"/>
      <c r="AB68" s="136"/>
      <c r="AC68" s="141"/>
      <c r="AD68" s="135"/>
      <c r="AE68" s="135"/>
      <c r="AF68" s="136"/>
    </row>
    <row r="69" spans="1:32" ht="18.75" customHeight="1" x14ac:dyDescent="0.15">
      <c r="A69" s="127"/>
      <c r="B69" s="128"/>
      <c r="C69" s="219"/>
      <c r="D69" s="131"/>
      <c r="E69" s="116"/>
      <c r="F69" s="131"/>
      <c r="G69" s="238"/>
      <c r="H69" s="150" t="s">
        <v>83</v>
      </c>
      <c r="I69" s="143" t="s">
        <v>11</v>
      </c>
      <c r="J69" s="144" t="s">
        <v>25</v>
      </c>
      <c r="K69" s="145"/>
      <c r="L69" s="196" t="s">
        <v>11</v>
      </c>
      <c r="M69" s="144" t="s">
        <v>29</v>
      </c>
      <c r="N69" s="200"/>
      <c r="O69" s="200"/>
      <c r="P69" s="200"/>
      <c r="Q69" s="200"/>
      <c r="R69" s="200"/>
      <c r="S69" s="200"/>
      <c r="T69" s="200"/>
      <c r="U69" s="200"/>
      <c r="V69" s="200"/>
      <c r="W69" s="200"/>
      <c r="X69" s="201"/>
      <c r="Y69" s="141"/>
      <c r="Z69" s="135"/>
      <c r="AA69" s="135"/>
      <c r="AB69" s="136"/>
      <c r="AC69" s="141"/>
      <c r="AD69" s="135"/>
      <c r="AE69" s="135"/>
      <c r="AF69" s="136"/>
    </row>
    <row r="70" spans="1:32" ht="18.75" customHeight="1" x14ac:dyDescent="0.15">
      <c r="A70" s="127"/>
      <c r="B70" s="128"/>
      <c r="C70" s="219"/>
      <c r="D70" s="131"/>
      <c r="E70" s="116"/>
      <c r="F70" s="131"/>
      <c r="G70" s="238"/>
      <c r="H70" s="150" t="s">
        <v>84</v>
      </c>
      <c r="I70" s="109" t="s">
        <v>11</v>
      </c>
      <c r="J70" s="144" t="s">
        <v>25</v>
      </c>
      <c r="K70" s="145"/>
      <c r="L70" s="196" t="s">
        <v>11</v>
      </c>
      <c r="M70" s="144" t="s">
        <v>29</v>
      </c>
      <c r="N70" s="200"/>
      <c r="O70" s="200"/>
      <c r="P70" s="200"/>
      <c r="Q70" s="200"/>
      <c r="R70" s="200"/>
      <c r="S70" s="200"/>
      <c r="T70" s="200"/>
      <c r="U70" s="200"/>
      <c r="V70" s="200"/>
      <c r="W70" s="200"/>
      <c r="X70" s="201"/>
      <c r="Y70" s="141"/>
      <c r="Z70" s="135"/>
      <c r="AA70" s="135"/>
      <c r="AB70" s="136"/>
      <c r="AC70" s="141"/>
      <c r="AD70" s="135"/>
      <c r="AE70" s="135"/>
      <c r="AF70" s="136"/>
    </row>
    <row r="71" spans="1:32" ht="18.75" customHeight="1" x14ac:dyDescent="0.15">
      <c r="A71" s="127"/>
      <c r="B71" s="128"/>
      <c r="C71" s="219"/>
      <c r="D71" s="131"/>
      <c r="E71" s="116"/>
      <c r="F71" s="131"/>
      <c r="G71" s="238"/>
      <c r="H71" s="462" t="s">
        <v>85</v>
      </c>
      <c r="I71" s="164" t="s">
        <v>11</v>
      </c>
      <c r="J71" s="153" t="s">
        <v>25</v>
      </c>
      <c r="K71" s="202"/>
      <c r="L71" s="168" t="s">
        <v>11</v>
      </c>
      <c r="M71" s="153" t="s">
        <v>286</v>
      </c>
      <c r="N71" s="202"/>
      <c r="O71" s="202"/>
      <c r="P71" s="202"/>
      <c r="Q71" s="202"/>
      <c r="R71" s="168" t="s">
        <v>11</v>
      </c>
      <c r="S71" s="153" t="s">
        <v>299</v>
      </c>
      <c r="T71" s="153"/>
      <c r="U71" s="202"/>
      <c r="V71" s="202"/>
      <c r="W71" s="202"/>
      <c r="X71" s="203"/>
      <c r="Y71" s="141"/>
      <c r="Z71" s="135"/>
      <c r="AA71" s="135"/>
      <c r="AB71" s="136"/>
      <c r="AC71" s="141"/>
      <c r="AD71" s="135"/>
      <c r="AE71" s="135"/>
      <c r="AF71" s="136"/>
    </row>
    <row r="72" spans="1:32" ht="18.75" customHeight="1" x14ac:dyDescent="0.15">
      <c r="A72" s="127"/>
      <c r="B72" s="128"/>
      <c r="C72" s="219"/>
      <c r="D72" s="131"/>
      <c r="E72" s="116"/>
      <c r="F72" s="131"/>
      <c r="G72" s="238"/>
      <c r="H72" s="462"/>
      <c r="I72" s="113" t="s">
        <v>11</v>
      </c>
      <c r="J72" s="101" t="s">
        <v>288</v>
      </c>
      <c r="K72" s="133"/>
      <c r="L72" s="133"/>
      <c r="M72" s="133"/>
      <c r="N72" s="133"/>
      <c r="O72" s="109" t="s">
        <v>11</v>
      </c>
      <c r="P72" s="313" t="s">
        <v>300</v>
      </c>
      <c r="Q72" s="133"/>
      <c r="R72" s="133"/>
      <c r="S72" s="133"/>
      <c r="T72" s="133"/>
      <c r="U72" s="109" t="s">
        <v>11</v>
      </c>
      <c r="V72" s="313" t="s">
        <v>301</v>
      </c>
      <c r="W72" s="133"/>
      <c r="X72" s="134"/>
      <c r="Y72" s="133"/>
      <c r="Z72" s="135"/>
      <c r="AA72" s="135"/>
      <c r="AB72" s="136"/>
      <c r="AC72" s="141"/>
      <c r="AD72" s="135"/>
      <c r="AE72" s="135"/>
      <c r="AF72" s="136"/>
    </row>
    <row r="73" spans="1:32" ht="18.75" customHeight="1" x14ac:dyDescent="0.15">
      <c r="A73" s="127"/>
      <c r="B73" s="128"/>
      <c r="C73" s="219"/>
      <c r="D73" s="131"/>
      <c r="E73" s="116"/>
      <c r="F73" s="131"/>
      <c r="G73" s="238"/>
      <c r="H73" s="462"/>
      <c r="I73" s="113" t="s">
        <v>11</v>
      </c>
      <c r="J73" s="101" t="s">
        <v>302</v>
      </c>
      <c r="K73" s="139"/>
      <c r="L73" s="139"/>
      <c r="M73" s="139"/>
      <c r="N73" s="139"/>
      <c r="O73" s="109" t="s">
        <v>11</v>
      </c>
      <c r="P73" s="101" t="s">
        <v>303</v>
      </c>
      <c r="Q73" s="139"/>
      <c r="R73" s="139"/>
      <c r="S73" s="139"/>
      <c r="T73" s="139"/>
      <c r="U73" s="139"/>
      <c r="V73" s="139"/>
      <c r="W73" s="139"/>
      <c r="X73" s="140"/>
      <c r="Y73" s="141"/>
      <c r="Z73" s="135"/>
      <c r="AA73" s="135"/>
      <c r="AB73" s="136"/>
      <c r="AC73" s="141"/>
      <c r="AD73" s="135"/>
      <c r="AE73" s="135"/>
      <c r="AF73" s="136"/>
    </row>
    <row r="74" spans="1:32" ht="18.75" customHeight="1" x14ac:dyDescent="0.15">
      <c r="A74" s="127"/>
      <c r="B74" s="128"/>
      <c r="C74" s="129"/>
      <c r="D74" s="130"/>
      <c r="E74" s="116"/>
      <c r="F74" s="131"/>
      <c r="G74" s="132"/>
      <c r="H74" s="395" t="s">
        <v>37</v>
      </c>
      <c r="I74" s="164" t="s">
        <v>11</v>
      </c>
      <c r="J74" s="153" t="s">
        <v>25</v>
      </c>
      <c r="K74" s="153"/>
      <c r="L74" s="165"/>
      <c r="M74" s="166"/>
      <c r="N74" s="166"/>
      <c r="O74" s="165"/>
      <c r="P74" s="166"/>
      <c r="Q74" s="167"/>
      <c r="R74" s="165"/>
      <c r="S74" s="166"/>
      <c r="T74" s="167"/>
      <c r="U74" s="168" t="s">
        <v>11</v>
      </c>
      <c r="V74" s="153" t="s">
        <v>38</v>
      </c>
      <c r="W74" s="169"/>
      <c r="X74" s="170"/>
      <c r="Y74" s="244"/>
      <c r="Z74" s="244"/>
      <c r="AA74" s="244"/>
      <c r="AB74" s="136"/>
      <c r="AC74" s="141"/>
      <c r="AD74" s="244"/>
      <c r="AE74" s="244"/>
      <c r="AF74" s="136"/>
    </row>
    <row r="75" spans="1:32" ht="18.75" customHeight="1" x14ac:dyDescent="0.15">
      <c r="A75" s="127"/>
      <c r="B75" s="128"/>
      <c r="C75" s="129"/>
      <c r="D75" s="130"/>
      <c r="E75" s="116"/>
      <c r="F75" s="131"/>
      <c r="G75" s="132"/>
      <c r="H75" s="395"/>
      <c r="I75" s="113" t="s">
        <v>11</v>
      </c>
      <c r="J75" s="243" t="s">
        <v>39</v>
      </c>
      <c r="K75" s="243"/>
      <c r="L75" s="245"/>
      <c r="M75" s="245" t="s">
        <v>11</v>
      </c>
      <c r="N75" s="243" t="s">
        <v>40</v>
      </c>
      <c r="O75" s="245"/>
      <c r="P75" s="245"/>
      <c r="Q75" s="245" t="s">
        <v>11</v>
      </c>
      <c r="R75" s="243" t="s">
        <v>41</v>
      </c>
      <c r="S75" s="246"/>
      <c r="T75" s="243"/>
      <c r="U75" s="245" t="s">
        <v>11</v>
      </c>
      <c r="V75" s="243" t="s">
        <v>42</v>
      </c>
      <c r="W75" s="247"/>
      <c r="X75" s="134"/>
      <c r="Y75" s="244"/>
      <c r="Z75" s="244"/>
      <c r="AA75" s="244"/>
      <c r="AB75" s="136"/>
      <c r="AC75" s="141"/>
      <c r="AD75" s="244"/>
      <c r="AE75" s="244"/>
      <c r="AF75" s="136"/>
    </row>
    <row r="76" spans="1:32" ht="18.75" customHeight="1" x14ac:dyDescent="0.15">
      <c r="A76" s="127"/>
      <c r="B76" s="128"/>
      <c r="C76" s="129"/>
      <c r="D76" s="130"/>
      <c r="E76" s="116"/>
      <c r="F76" s="131"/>
      <c r="G76" s="132"/>
      <c r="H76" s="395"/>
      <c r="I76" s="113" t="s">
        <v>11</v>
      </c>
      <c r="J76" s="243" t="s">
        <v>43</v>
      </c>
      <c r="K76" s="243"/>
      <c r="L76" s="245"/>
      <c r="M76" s="245" t="s">
        <v>11</v>
      </c>
      <c r="N76" s="243" t="s">
        <v>44</v>
      </c>
      <c r="O76" s="245"/>
      <c r="P76" s="245"/>
      <c r="Q76" s="245" t="s">
        <v>11</v>
      </c>
      <c r="R76" s="243" t="s">
        <v>45</v>
      </c>
      <c r="S76" s="246"/>
      <c r="T76" s="243"/>
      <c r="U76" s="245" t="s">
        <v>11</v>
      </c>
      <c r="V76" s="243" t="s">
        <v>46</v>
      </c>
      <c r="W76" s="247"/>
      <c r="X76" s="134"/>
      <c r="Y76" s="244"/>
      <c r="Z76" s="244"/>
      <c r="AA76" s="244"/>
      <c r="AB76" s="136"/>
      <c r="AC76" s="141"/>
      <c r="AD76" s="244"/>
      <c r="AE76" s="244"/>
      <c r="AF76" s="136"/>
    </row>
    <row r="77" spans="1:32" ht="18.75" customHeight="1" x14ac:dyDescent="0.15">
      <c r="A77" s="127"/>
      <c r="B77" s="128"/>
      <c r="C77" s="129"/>
      <c r="D77" s="130"/>
      <c r="E77" s="116"/>
      <c r="F77" s="131"/>
      <c r="G77" s="132"/>
      <c r="H77" s="395"/>
      <c r="I77" s="113" t="s">
        <v>11</v>
      </c>
      <c r="J77" s="243" t="s">
        <v>47</v>
      </c>
      <c r="K77" s="243"/>
      <c r="L77" s="245"/>
      <c r="M77" s="245" t="s">
        <v>11</v>
      </c>
      <c r="N77" s="243" t="s">
        <v>48</v>
      </c>
      <c r="O77" s="245"/>
      <c r="P77" s="245"/>
      <c r="Q77" s="245" t="s">
        <v>11</v>
      </c>
      <c r="R77" s="243" t="s">
        <v>49</v>
      </c>
      <c r="S77" s="246"/>
      <c r="T77" s="243"/>
      <c r="U77" s="245" t="s">
        <v>11</v>
      </c>
      <c r="V77" s="243" t="s">
        <v>50</v>
      </c>
      <c r="W77" s="247"/>
      <c r="X77" s="134"/>
      <c r="Y77" s="244"/>
      <c r="Z77" s="244"/>
      <c r="AA77" s="244"/>
      <c r="AB77" s="136"/>
      <c r="AC77" s="141"/>
      <c r="AD77" s="244"/>
      <c r="AE77" s="244"/>
      <c r="AF77" s="136"/>
    </row>
    <row r="78" spans="1:32" ht="18.75" customHeight="1" x14ac:dyDescent="0.15">
      <c r="A78" s="127"/>
      <c r="B78" s="128"/>
      <c r="C78" s="129"/>
      <c r="D78" s="130"/>
      <c r="E78" s="116"/>
      <c r="F78" s="131"/>
      <c r="G78" s="132"/>
      <c r="H78" s="395"/>
      <c r="I78" s="113" t="s">
        <v>11</v>
      </c>
      <c r="J78" s="243" t="s">
        <v>51</v>
      </c>
      <c r="K78" s="243"/>
      <c r="L78" s="245"/>
      <c r="M78" s="245" t="s">
        <v>11</v>
      </c>
      <c r="N78" s="243" t="s">
        <v>52</v>
      </c>
      <c r="O78" s="245"/>
      <c r="P78" s="245"/>
      <c r="Q78" s="245" t="s">
        <v>11</v>
      </c>
      <c r="R78" s="243" t="s">
        <v>53</v>
      </c>
      <c r="S78" s="246"/>
      <c r="T78" s="243"/>
      <c r="U78" s="245" t="s">
        <v>11</v>
      </c>
      <c r="V78" s="243" t="s">
        <v>54</v>
      </c>
      <c r="W78" s="247"/>
      <c r="X78" s="134"/>
      <c r="Y78" s="244"/>
      <c r="Z78" s="244"/>
      <c r="AA78" s="244"/>
      <c r="AB78" s="136"/>
      <c r="AC78" s="141"/>
      <c r="AD78" s="244"/>
      <c r="AE78" s="244"/>
      <c r="AF78" s="136"/>
    </row>
    <row r="79" spans="1:32" ht="18.75" customHeight="1" x14ac:dyDescent="0.15">
      <c r="A79" s="171"/>
      <c r="B79" s="172"/>
      <c r="C79" s="173"/>
      <c r="D79" s="174"/>
      <c r="E79" s="175"/>
      <c r="F79" s="176"/>
      <c r="G79" s="177"/>
      <c r="H79" s="459"/>
      <c r="I79" s="178" t="s">
        <v>11</v>
      </c>
      <c r="J79" s="179" t="s">
        <v>55</v>
      </c>
      <c r="K79" s="179"/>
      <c r="L79" s="180"/>
      <c r="M79" s="180"/>
      <c r="N79" s="179"/>
      <c r="O79" s="180"/>
      <c r="P79" s="180"/>
      <c r="Q79" s="180"/>
      <c r="R79" s="179"/>
      <c r="S79" s="181"/>
      <c r="T79" s="179"/>
      <c r="U79" s="180"/>
      <c r="V79" s="179"/>
      <c r="W79" s="182"/>
      <c r="X79" s="183"/>
      <c r="Y79" s="184"/>
      <c r="Z79" s="184"/>
      <c r="AA79" s="184"/>
      <c r="AB79" s="185"/>
      <c r="AC79" s="186"/>
      <c r="AD79" s="184"/>
      <c r="AE79" s="184"/>
      <c r="AF79" s="185"/>
    </row>
    <row r="80" spans="1:32" ht="18.75" customHeight="1" x14ac:dyDescent="0.15">
      <c r="A80" s="117"/>
      <c r="B80" s="118"/>
      <c r="C80" s="216"/>
      <c r="D80" s="121"/>
      <c r="E80" s="112"/>
      <c r="F80" s="121"/>
      <c r="G80" s="125"/>
      <c r="H80" s="317" t="s">
        <v>66</v>
      </c>
      <c r="I80" s="187" t="s">
        <v>11</v>
      </c>
      <c r="J80" s="188" t="s">
        <v>25</v>
      </c>
      <c r="K80" s="188"/>
      <c r="L80" s="190"/>
      <c r="M80" s="191" t="s">
        <v>11</v>
      </c>
      <c r="N80" s="188" t="s">
        <v>67</v>
      </c>
      <c r="O80" s="188"/>
      <c r="P80" s="190"/>
      <c r="Q80" s="191" t="s">
        <v>11</v>
      </c>
      <c r="R80" s="217" t="s">
        <v>68</v>
      </c>
      <c r="S80" s="217"/>
      <c r="T80" s="217"/>
      <c r="U80" s="217"/>
      <c r="V80" s="217"/>
      <c r="W80" s="217"/>
      <c r="X80" s="218"/>
      <c r="Y80" s="123" t="s">
        <v>11</v>
      </c>
      <c r="Z80" s="110" t="s">
        <v>20</v>
      </c>
      <c r="AA80" s="110"/>
      <c r="AB80" s="126"/>
      <c r="AC80" s="123" t="s">
        <v>11</v>
      </c>
      <c r="AD80" s="110" t="s">
        <v>20</v>
      </c>
      <c r="AE80" s="110"/>
      <c r="AF80" s="126"/>
    </row>
    <row r="81" spans="1:32" ht="19.5" customHeight="1" x14ac:dyDescent="0.15">
      <c r="A81" s="127"/>
      <c r="B81" s="128"/>
      <c r="C81" s="129"/>
      <c r="D81" s="130"/>
      <c r="E81" s="116"/>
      <c r="F81" s="131"/>
      <c r="G81" s="132"/>
      <c r="H81" s="198" t="s">
        <v>22</v>
      </c>
      <c r="I81" s="137" t="s">
        <v>11</v>
      </c>
      <c r="J81" s="155" t="s">
        <v>23</v>
      </c>
      <c r="K81" s="160"/>
      <c r="L81" s="199"/>
      <c r="M81" s="196" t="s">
        <v>11</v>
      </c>
      <c r="N81" s="155" t="s">
        <v>24</v>
      </c>
      <c r="O81" s="196"/>
      <c r="P81" s="155"/>
      <c r="Q81" s="139"/>
      <c r="R81" s="139"/>
      <c r="S81" s="139"/>
      <c r="T81" s="139"/>
      <c r="U81" s="139"/>
      <c r="V81" s="139"/>
      <c r="W81" s="139"/>
      <c r="X81" s="140"/>
      <c r="Y81" s="245" t="s">
        <v>11</v>
      </c>
      <c r="Z81" s="243" t="s">
        <v>21</v>
      </c>
      <c r="AA81" s="244"/>
      <c r="AB81" s="136"/>
      <c r="AC81" s="245" t="s">
        <v>11</v>
      </c>
      <c r="AD81" s="243" t="s">
        <v>21</v>
      </c>
      <c r="AE81" s="244"/>
      <c r="AF81" s="136"/>
    </row>
    <row r="82" spans="1:32" ht="19.5" customHeight="1" x14ac:dyDescent="0.15">
      <c r="A82" s="127"/>
      <c r="B82" s="128"/>
      <c r="C82" s="129"/>
      <c r="D82" s="130"/>
      <c r="E82" s="116"/>
      <c r="F82" s="131"/>
      <c r="G82" s="132"/>
      <c r="H82" s="142" t="s">
        <v>69</v>
      </c>
      <c r="I82" s="143" t="s">
        <v>11</v>
      </c>
      <c r="J82" s="144" t="s">
        <v>23</v>
      </c>
      <c r="K82" s="145"/>
      <c r="L82" s="146"/>
      <c r="M82" s="147" t="s">
        <v>11</v>
      </c>
      <c r="N82" s="144" t="s">
        <v>24</v>
      </c>
      <c r="O82" s="147"/>
      <c r="P82" s="144"/>
      <c r="Q82" s="148"/>
      <c r="R82" s="148"/>
      <c r="S82" s="148"/>
      <c r="T82" s="148"/>
      <c r="U82" s="148"/>
      <c r="V82" s="148"/>
      <c r="W82" s="148"/>
      <c r="X82" s="149"/>
      <c r="Y82" s="141"/>
      <c r="Z82" s="135"/>
      <c r="AA82" s="135"/>
      <c r="AB82" s="136"/>
      <c r="AC82" s="141"/>
      <c r="AD82" s="135"/>
      <c r="AE82" s="135"/>
      <c r="AF82" s="136"/>
    </row>
    <row r="83" spans="1:32" ht="18.75" customHeight="1" x14ac:dyDescent="0.15">
      <c r="A83" s="127"/>
      <c r="B83" s="128"/>
      <c r="C83" s="219"/>
      <c r="D83" s="131"/>
      <c r="E83" s="116"/>
      <c r="F83" s="131"/>
      <c r="G83" s="238"/>
      <c r="H83" s="395" t="s">
        <v>70</v>
      </c>
      <c r="I83" s="464" t="s">
        <v>11</v>
      </c>
      <c r="J83" s="421" t="s">
        <v>25</v>
      </c>
      <c r="K83" s="421"/>
      <c r="L83" s="466" t="s">
        <v>11</v>
      </c>
      <c r="M83" s="421" t="s">
        <v>29</v>
      </c>
      <c r="N83" s="421"/>
      <c r="O83" s="202"/>
      <c r="P83" s="202"/>
      <c r="Q83" s="202"/>
      <c r="R83" s="202"/>
      <c r="S83" s="202"/>
      <c r="T83" s="202"/>
      <c r="U83" s="202"/>
      <c r="V83" s="202"/>
      <c r="W83" s="202"/>
      <c r="X83" s="203"/>
      <c r="Y83" s="141"/>
      <c r="Z83" s="135"/>
      <c r="AA83" s="135"/>
      <c r="AB83" s="136"/>
      <c r="AC83" s="141"/>
      <c r="AD83" s="135"/>
      <c r="AE83" s="135"/>
      <c r="AF83" s="136"/>
    </row>
    <row r="84" spans="1:32" ht="18.75" customHeight="1" x14ac:dyDescent="0.15">
      <c r="A84" s="127"/>
      <c r="B84" s="128"/>
      <c r="C84" s="219"/>
      <c r="D84" s="131"/>
      <c r="E84" s="116"/>
      <c r="F84" s="131"/>
      <c r="G84" s="238"/>
      <c r="H84" s="395"/>
      <c r="I84" s="464"/>
      <c r="J84" s="421"/>
      <c r="K84" s="421"/>
      <c r="L84" s="466"/>
      <c r="M84" s="421"/>
      <c r="N84" s="421"/>
      <c r="O84" s="101"/>
      <c r="P84" s="101"/>
      <c r="Q84" s="101"/>
      <c r="R84" s="101"/>
      <c r="S84" s="101"/>
      <c r="T84" s="101"/>
      <c r="U84" s="101"/>
      <c r="V84" s="101"/>
      <c r="W84" s="101"/>
      <c r="X84" s="159"/>
      <c r="Y84" s="141"/>
      <c r="Z84" s="135"/>
      <c r="AA84" s="135"/>
      <c r="AB84" s="136"/>
      <c r="AC84" s="141"/>
      <c r="AD84" s="135"/>
      <c r="AE84" s="135"/>
      <c r="AF84" s="136"/>
    </row>
    <row r="85" spans="1:32" ht="18.75" customHeight="1" x14ac:dyDescent="0.15">
      <c r="A85" s="127"/>
      <c r="B85" s="128"/>
      <c r="C85" s="219"/>
      <c r="D85" s="131"/>
      <c r="E85" s="116"/>
      <c r="F85" s="131"/>
      <c r="G85" s="238"/>
      <c r="H85" s="395"/>
      <c r="I85" s="464"/>
      <c r="J85" s="421"/>
      <c r="K85" s="421"/>
      <c r="L85" s="466"/>
      <c r="M85" s="421"/>
      <c r="N85" s="421"/>
      <c r="O85" s="138"/>
      <c r="P85" s="138"/>
      <c r="Q85" s="138"/>
      <c r="R85" s="138"/>
      <c r="S85" s="138"/>
      <c r="T85" s="138"/>
      <c r="U85" s="138"/>
      <c r="V85" s="138"/>
      <c r="W85" s="138"/>
      <c r="X85" s="205"/>
      <c r="Y85" s="141"/>
      <c r="Z85" s="135"/>
      <c r="AA85" s="135"/>
      <c r="AB85" s="136"/>
      <c r="AC85" s="141"/>
      <c r="AD85" s="135"/>
      <c r="AE85" s="135"/>
      <c r="AF85" s="136"/>
    </row>
    <row r="86" spans="1:32" ht="19.5" customHeight="1" x14ac:dyDescent="0.15">
      <c r="A86" s="127"/>
      <c r="B86" s="128"/>
      <c r="C86" s="219"/>
      <c r="D86" s="131"/>
      <c r="E86" s="116"/>
      <c r="F86" s="131"/>
      <c r="G86" s="238"/>
      <c r="H86" s="226" t="s">
        <v>71</v>
      </c>
      <c r="I86" s="143" t="s">
        <v>11</v>
      </c>
      <c r="J86" s="144" t="s">
        <v>58</v>
      </c>
      <c r="K86" s="145"/>
      <c r="L86" s="146"/>
      <c r="M86" s="147" t="s">
        <v>11</v>
      </c>
      <c r="N86" s="144" t="s">
        <v>59</v>
      </c>
      <c r="O86" s="148"/>
      <c r="P86" s="148"/>
      <c r="Q86" s="148"/>
      <c r="R86" s="148"/>
      <c r="S86" s="148"/>
      <c r="T86" s="148"/>
      <c r="U86" s="148"/>
      <c r="V86" s="148"/>
      <c r="W86" s="148"/>
      <c r="X86" s="149"/>
      <c r="Y86" s="141"/>
      <c r="Z86" s="135"/>
      <c r="AA86" s="135"/>
      <c r="AB86" s="136"/>
      <c r="AC86" s="141"/>
      <c r="AD86" s="135"/>
      <c r="AE86" s="135"/>
      <c r="AF86" s="136"/>
    </row>
    <row r="87" spans="1:32" ht="18.75" customHeight="1" x14ac:dyDescent="0.15">
      <c r="A87" s="127"/>
      <c r="B87" s="128"/>
      <c r="C87" s="219"/>
      <c r="D87" s="131"/>
      <c r="E87" s="116"/>
      <c r="F87" s="131"/>
      <c r="G87" s="238"/>
      <c r="H87" s="150" t="s">
        <v>77</v>
      </c>
      <c r="I87" s="143" t="s">
        <v>11</v>
      </c>
      <c r="J87" s="144" t="s">
        <v>25</v>
      </c>
      <c r="K87" s="144"/>
      <c r="L87" s="147" t="s">
        <v>11</v>
      </c>
      <c r="M87" s="144" t="s">
        <v>26</v>
      </c>
      <c r="N87" s="144"/>
      <c r="O87" s="147" t="s">
        <v>11</v>
      </c>
      <c r="P87" s="144" t="s">
        <v>27</v>
      </c>
      <c r="Q87" s="200"/>
      <c r="R87" s="200"/>
      <c r="S87" s="200"/>
      <c r="T87" s="200"/>
      <c r="U87" s="200"/>
      <c r="V87" s="200"/>
      <c r="W87" s="200"/>
      <c r="X87" s="201"/>
      <c r="Y87" s="141"/>
      <c r="Z87" s="135"/>
      <c r="AA87" s="135"/>
      <c r="AB87" s="136"/>
      <c r="AC87" s="141"/>
      <c r="AD87" s="135"/>
      <c r="AE87" s="135"/>
      <c r="AF87" s="136"/>
    </row>
    <row r="88" spans="1:32" ht="18.75" customHeight="1" x14ac:dyDescent="0.15">
      <c r="A88" s="127"/>
      <c r="B88" s="128"/>
      <c r="C88" s="219"/>
      <c r="D88" s="131"/>
      <c r="E88" s="116"/>
      <c r="F88" s="131"/>
      <c r="G88" s="238"/>
      <c r="H88" s="150" t="s">
        <v>97</v>
      </c>
      <c r="I88" s="143" t="s">
        <v>11</v>
      </c>
      <c r="J88" s="144" t="s">
        <v>25</v>
      </c>
      <c r="K88" s="144"/>
      <c r="L88" s="147" t="s">
        <v>11</v>
      </c>
      <c r="M88" s="144" t="s">
        <v>56</v>
      </c>
      <c r="N88" s="144"/>
      <c r="O88" s="147" t="s">
        <v>11</v>
      </c>
      <c r="P88" s="144" t="s">
        <v>57</v>
      </c>
      <c r="Q88" s="200"/>
      <c r="R88" s="200"/>
      <c r="S88" s="200"/>
      <c r="T88" s="200"/>
      <c r="U88" s="200"/>
      <c r="V88" s="200"/>
      <c r="W88" s="200"/>
      <c r="X88" s="201"/>
      <c r="Y88" s="141"/>
      <c r="Z88" s="135"/>
      <c r="AA88" s="135"/>
      <c r="AB88" s="136"/>
      <c r="AC88" s="141"/>
      <c r="AD88" s="135"/>
      <c r="AE88" s="135"/>
      <c r="AF88" s="136"/>
    </row>
    <row r="89" spans="1:32" ht="18.75" customHeight="1" x14ac:dyDescent="0.15">
      <c r="A89" s="127"/>
      <c r="B89" s="128"/>
      <c r="C89" s="219"/>
      <c r="D89" s="131"/>
      <c r="E89" s="116"/>
      <c r="F89" s="131"/>
      <c r="G89" s="238"/>
      <c r="H89" s="150" t="s">
        <v>110</v>
      </c>
      <c r="I89" s="164" t="s">
        <v>11</v>
      </c>
      <c r="J89" s="144" t="s">
        <v>25</v>
      </c>
      <c r="K89" s="145"/>
      <c r="L89" s="168" t="s">
        <v>11</v>
      </c>
      <c r="M89" s="144" t="s">
        <v>29</v>
      </c>
      <c r="N89" s="200"/>
      <c r="O89" s="200"/>
      <c r="P89" s="200"/>
      <c r="Q89" s="200"/>
      <c r="R89" s="200"/>
      <c r="S89" s="200"/>
      <c r="T89" s="200"/>
      <c r="U89" s="200"/>
      <c r="V89" s="200"/>
      <c r="W89" s="200"/>
      <c r="X89" s="201"/>
      <c r="Y89" s="141"/>
      <c r="Z89" s="135"/>
      <c r="AA89" s="135"/>
      <c r="AB89" s="136"/>
      <c r="AC89" s="141"/>
      <c r="AD89" s="135"/>
      <c r="AE89" s="135"/>
      <c r="AF89" s="136"/>
    </row>
    <row r="90" spans="1:32" ht="18.75" customHeight="1" x14ac:dyDescent="0.15">
      <c r="A90" s="127"/>
      <c r="B90" s="128"/>
      <c r="C90" s="219"/>
      <c r="D90" s="131"/>
      <c r="E90" s="116"/>
      <c r="F90" s="131"/>
      <c r="G90" s="238"/>
      <c r="H90" s="224" t="s">
        <v>304</v>
      </c>
      <c r="I90" s="164" t="s">
        <v>11</v>
      </c>
      <c r="J90" s="144" t="s">
        <v>25</v>
      </c>
      <c r="K90" s="145"/>
      <c r="L90" s="147" t="s">
        <v>11</v>
      </c>
      <c r="M90" s="144" t="s">
        <v>29</v>
      </c>
      <c r="N90" s="200"/>
      <c r="O90" s="200"/>
      <c r="P90" s="200"/>
      <c r="Q90" s="200"/>
      <c r="R90" s="200"/>
      <c r="S90" s="200"/>
      <c r="T90" s="200"/>
      <c r="U90" s="200"/>
      <c r="V90" s="200"/>
      <c r="W90" s="200"/>
      <c r="X90" s="201"/>
      <c r="Y90" s="141"/>
      <c r="Z90" s="135"/>
      <c r="AA90" s="135"/>
      <c r="AB90" s="136"/>
      <c r="AC90" s="141"/>
      <c r="AD90" s="135"/>
      <c r="AE90" s="135"/>
      <c r="AF90" s="136"/>
    </row>
    <row r="91" spans="1:32" ht="18.75" customHeight="1" x14ac:dyDescent="0.15">
      <c r="A91" s="127"/>
      <c r="B91" s="128"/>
      <c r="C91" s="219"/>
      <c r="D91" s="131"/>
      <c r="E91" s="116"/>
      <c r="F91" s="131"/>
      <c r="G91" s="238"/>
      <c r="H91" s="226" t="s">
        <v>234</v>
      </c>
      <c r="I91" s="164" t="s">
        <v>11</v>
      </c>
      <c r="J91" s="144" t="s">
        <v>25</v>
      </c>
      <c r="K91" s="145"/>
      <c r="L91" s="109" t="s">
        <v>11</v>
      </c>
      <c r="M91" s="144" t="s">
        <v>29</v>
      </c>
      <c r="N91" s="200"/>
      <c r="O91" s="200"/>
      <c r="P91" s="200"/>
      <c r="Q91" s="200"/>
      <c r="R91" s="200"/>
      <c r="S91" s="200"/>
      <c r="T91" s="200"/>
      <c r="U91" s="200"/>
      <c r="V91" s="200"/>
      <c r="W91" s="200"/>
      <c r="X91" s="201"/>
      <c r="Y91" s="141"/>
      <c r="Z91" s="135"/>
      <c r="AA91" s="135"/>
      <c r="AB91" s="136"/>
      <c r="AC91" s="141"/>
      <c r="AD91" s="135"/>
      <c r="AE91" s="135"/>
      <c r="AF91" s="136"/>
    </row>
    <row r="92" spans="1:32" ht="18.75" customHeight="1" x14ac:dyDescent="0.15">
      <c r="A92" s="113" t="s">
        <v>11</v>
      </c>
      <c r="B92" s="128">
        <v>72</v>
      </c>
      <c r="C92" s="219" t="s">
        <v>305</v>
      </c>
      <c r="D92" s="113" t="s">
        <v>11</v>
      </c>
      <c r="E92" s="116" t="s">
        <v>101</v>
      </c>
      <c r="F92" s="131"/>
      <c r="G92" s="238"/>
      <c r="H92" s="114" t="s">
        <v>82</v>
      </c>
      <c r="I92" s="143" t="s">
        <v>11</v>
      </c>
      <c r="J92" s="144" t="s">
        <v>25</v>
      </c>
      <c r="K92" s="145"/>
      <c r="L92" s="147" t="s">
        <v>11</v>
      </c>
      <c r="M92" s="144" t="s">
        <v>29</v>
      </c>
      <c r="N92" s="200"/>
      <c r="O92" s="200"/>
      <c r="P92" s="200"/>
      <c r="Q92" s="200"/>
      <c r="R92" s="200"/>
      <c r="S92" s="200"/>
      <c r="T92" s="200"/>
      <c r="U92" s="200"/>
      <c r="V92" s="200"/>
      <c r="W92" s="200"/>
      <c r="X92" s="201"/>
      <c r="Y92" s="141"/>
      <c r="Z92" s="135"/>
      <c r="AA92" s="135"/>
      <c r="AB92" s="136"/>
      <c r="AC92" s="141"/>
      <c r="AD92" s="135"/>
      <c r="AE92" s="135"/>
      <c r="AF92" s="136"/>
    </row>
    <row r="93" spans="1:32" ht="18.75" customHeight="1" x14ac:dyDescent="0.15">
      <c r="A93" s="127"/>
      <c r="B93" s="128"/>
      <c r="C93" s="219"/>
      <c r="D93" s="113" t="s">
        <v>11</v>
      </c>
      <c r="E93" s="116" t="s">
        <v>306</v>
      </c>
      <c r="F93" s="131"/>
      <c r="G93" s="238"/>
      <c r="H93" s="150" t="s">
        <v>83</v>
      </c>
      <c r="I93" s="143" t="s">
        <v>11</v>
      </c>
      <c r="J93" s="144" t="s">
        <v>25</v>
      </c>
      <c r="K93" s="145"/>
      <c r="L93" s="147" t="s">
        <v>11</v>
      </c>
      <c r="M93" s="144" t="s">
        <v>29</v>
      </c>
      <c r="N93" s="200"/>
      <c r="O93" s="200"/>
      <c r="P93" s="200"/>
      <c r="Q93" s="200"/>
      <c r="R93" s="200"/>
      <c r="S93" s="200"/>
      <c r="T93" s="200"/>
      <c r="U93" s="200"/>
      <c r="V93" s="200"/>
      <c r="W93" s="200"/>
      <c r="X93" s="201"/>
      <c r="Y93" s="141"/>
      <c r="Z93" s="135"/>
      <c r="AA93" s="135"/>
      <c r="AB93" s="136"/>
      <c r="AC93" s="141"/>
      <c r="AD93" s="135"/>
      <c r="AE93" s="135"/>
      <c r="AF93" s="136"/>
    </row>
    <row r="94" spans="1:32" ht="18.75" customHeight="1" x14ac:dyDescent="0.15">
      <c r="A94" s="127"/>
      <c r="B94" s="128"/>
      <c r="C94" s="219"/>
      <c r="D94" s="113" t="s">
        <v>11</v>
      </c>
      <c r="E94" s="116" t="s">
        <v>307</v>
      </c>
      <c r="F94" s="131"/>
      <c r="G94" s="238"/>
      <c r="H94" s="150" t="s">
        <v>84</v>
      </c>
      <c r="I94" s="143" t="s">
        <v>11</v>
      </c>
      <c r="J94" s="144" t="s">
        <v>25</v>
      </c>
      <c r="K94" s="145"/>
      <c r="L94" s="147" t="s">
        <v>11</v>
      </c>
      <c r="M94" s="144" t="s">
        <v>29</v>
      </c>
      <c r="N94" s="200"/>
      <c r="O94" s="200"/>
      <c r="P94" s="200"/>
      <c r="Q94" s="200"/>
      <c r="R94" s="200"/>
      <c r="S94" s="200"/>
      <c r="T94" s="200"/>
      <c r="U94" s="200"/>
      <c r="V94" s="200"/>
      <c r="W94" s="200"/>
      <c r="X94" s="201"/>
      <c r="Y94" s="141"/>
      <c r="Z94" s="135"/>
      <c r="AA94" s="135"/>
      <c r="AB94" s="136"/>
      <c r="AC94" s="141"/>
      <c r="AD94" s="135"/>
      <c r="AE94" s="135"/>
      <c r="AF94" s="136"/>
    </row>
    <row r="95" spans="1:32" ht="18.75" customHeight="1" x14ac:dyDescent="0.15">
      <c r="A95" s="127"/>
      <c r="B95" s="128"/>
      <c r="C95" s="219"/>
      <c r="D95" s="131"/>
      <c r="E95" s="116"/>
      <c r="F95" s="131"/>
      <c r="G95" s="238"/>
      <c r="H95" s="226" t="s">
        <v>85</v>
      </c>
      <c r="I95" s="147" t="s">
        <v>11</v>
      </c>
      <c r="J95" s="144" t="s">
        <v>25</v>
      </c>
      <c r="K95" s="144"/>
      <c r="L95" s="147" t="s">
        <v>11</v>
      </c>
      <c r="M95" s="144" t="s">
        <v>91</v>
      </c>
      <c r="N95" s="144"/>
      <c r="O95" s="147" t="s">
        <v>11</v>
      </c>
      <c r="P95" s="144" t="s">
        <v>65</v>
      </c>
      <c r="Q95" s="144"/>
      <c r="R95" s="147" t="s">
        <v>11</v>
      </c>
      <c r="S95" s="144" t="s">
        <v>92</v>
      </c>
      <c r="T95" s="200"/>
      <c r="U95" s="200"/>
      <c r="V95" s="200"/>
      <c r="W95" s="200"/>
      <c r="X95" s="201"/>
      <c r="Y95" s="141"/>
      <c r="Z95" s="135"/>
      <c r="AA95" s="135"/>
      <c r="AB95" s="136"/>
      <c r="AC95" s="141"/>
      <c r="AD95" s="135"/>
      <c r="AE95" s="135"/>
      <c r="AF95" s="136"/>
    </row>
    <row r="96" spans="1:32" ht="18.75" customHeight="1" x14ac:dyDescent="0.15">
      <c r="A96" s="127"/>
      <c r="B96" s="128"/>
      <c r="C96" s="129"/>
      <c r="D96" s="130"/>
      <c r="E96" s="116"/>
      <c r="F96" s="131"/>
      <c r="G96" s="132"/>
      <c r="H96" s="395" t="s">
        <v>37</v>
      </c>
      <c r="I96" s="164" t="s">
        <v>11</v>
      </c>
      <c r="J96" s="153" t="s">
        <v>25</v>
      </c>
      <c r="K96" s="153"/>
      <c r="L96" s="165"/>
      <c r="M96" s="166"/>
      <c r="N96" s="166"/>
      <c r="O96" s="165"/>
      <c r="P96" s="166"/>
      <c r="Q96" s="167"/>
      <c r="R96" s="165"/>
      <c r="S96" s="166"/>
      <c r="T96" s="167"/>
      <c r="U96" s="168" t="s">
        <v>11</v>
      </c>
      <c r="V96" s="153" t="s">
        <v>38</v>
      </c>
      <c r="W96" s="169"/>
      <c r="X96" s="170"/>
      <c r="Y96" s="135"/>
      <c r="Z96" s="135"/>
      <c r="AA96" s="135"/>
      <c r="AB96" s="136"/>
      <c r="AC96" s="141"/>
      <c r="AD96" s="135"/>
      <c r="AE96" s="135"/>
      <c r="AF96" s="136"/>
    </row>
    <row r="97" spans="1:32" ht="18.75" customHeight="1" x14ac:dyDescent="0.15">
      <c r="A97" s="127"/>
      <c r="B97" s="128"/>
      <c r="C97" s="129"/>
      <c r="D97" s="130"/>
      <c r="E97" s="116"/>
      <c r="F97" s="131"/>
      <c r="G97" s="132"/>
      <c r="H97" s="395"/>
      <c r="I97" s="113" t="s">
        <v>11</v>
      </c>
      <c r="J97" s="114" t="s">
        <v>39</v>
      </c>
      <c r="K97" s="114"/>
      <c r="L97" s="109"/>
      <c r="M97" s="109" t="s">
        <v>11</v>
      </c>
      <c r="N97" s="114" t="s">
        <v>40</v>
      </c>
      <c r="O97" s="109"/>
      <c r="P97" s="109"/>
      <c r="Q97" s="109" t="s">
        <v>11</v>
      </c>
      <c r="R97" s="114" t="s">
        <v>41</v>
      </c>
      <c r="S97" s="101"/>
      <c r="T97" s="114"/>
      <c r="U97" s="109" t="s">
        <v>11</v>
      </c>
      <c r="V97" s="114" t="s">
        <v>42</v>
      </c>
      <c r="W97" s="133"/>
      <c r="X97" s="134"/>
      <c r="Y97" s="135"/>
      <c r="Z97" s="135"/>
      <c r="AA97" s="135"/>
      <c r="AB97" s="136"/>
      <c r="AC97" s="141"/>
      <c r="AD97" s="135"/>
      <c r="AE97" s="135"/>
      <c r="AF97" s="136"/>
    </row>
    <row r="98" spans="1:32" ht="18.75" customHeight="1" x14ac:dyDescent="0.15">
      <c r="A98" s="127"/>
      <c r="B98" s="128"/>
      <c r="C98" s="129"/>
      <c r="D98" s="130"/>
      <c r="E98" s="116"/>
      <c r="F98" s="131"/>
      <c r="G98" s="132"/>
      <c r="H98" s="395"/>
      <c r="I98" s="113" t="s">
        <v>11</v>
      </c>
      <c r="J98" s="114" t="s">
        <v>43</v>
      </c>
      <c r="K98" s="114"/>
      <c r="L98" s="109"/>
      <c r="M98" s="109" t="s">
        <v>11</v>
      </c>
      <c r="N98" s="114" t="s">
        <v>44</v>
      </c>
      <c r="O98" s="109"/>
      <c r="P98" s="109"/>
      <c r="Q98" s="109" t="s">
        <v>11</v>
      </c>
      <c r="R98" s="114" t="s">
        <v>45</v>
      </c>
      <c r="S98" s="101"/>
      <c r="T98" s="114"/>
      <c r="U98" s="109" t="s">
        <v>11</v>
      </c>
      <c r="V98" s="114" t="s">
        <v>46</v>
      </c>
      <c r="W98" s="133"/>
      <c r="X98" s="134"/>
      <c r="Y98" s="135"/>
      <c r="Z98" s="135"/>
      <c r="AA98" s="135"/>
      <c r="AB98" s="136"/>
      <c r="AC98" s="141"/>
      <c r="AD98" s="135"/>
      <c r="AE98" s="135"/>
      <c r="AF98" s="136"/>
    </row>
    <row r="99" spans="1:32" ht="18.75" customHeight="1" x14ac:dyDescent="0.15">
      <c r="A99" s="127"/>
      <c r="B99" s="128"/>
      <c r="C99" s="129"/>
      <c r="D99" s="130"/>
      <c r="E99" s="116"/>
      <c r="F99" s="131"/>
      <c r="G99" s="132"/>
      <c r="H99" s="395"/>
      <c r="I99" s="113" t="s">
        <v>11</v>
      </c>
      <c r="J99" s="114" t="s">
        <v>47</v>
      </c>
      <c r="K99" s="114"/>
      <c r="L99" s="109"/>
      <c r="M99" s="109" t="s">
        <v>11</v>
      </c>
      <c r="N99" s="114" t="s">
        <v>48</v>
      </c>
      <c r="O99" s="109"/>
      <c r="P99" s="109"/>
      <c r="Q99" s="109" t="s">
        <v>11</v>
      </c>
      <c r="R99" s="114" t="s">
        <v>49</v>
      </c>
      <c r="S99" s="101"/>
      <c r="T99" s="114"/>
      <c r="U99" s="109" t="s">
        <v>11</v>
      </c>
      <c r="V99" s="114" t="s">
        <v>50</v>
      </c>
      <c r="W99" s="133"/>
      <c r="X99" s="134"/>
      <c r="Y99" s="135"/>
      <c r="Z99" s="135"/>
      <c r="AA99" s="135"/>
      <c r="AB99" s="136"/>
      <c r="AC99" s="141"/>
      <c r="AD99" s="135"/>
      <c r="AE99" s="135"/>
      <c r="AF99" s="136"/>
    </row>
    <row r="100" spans="1:32" ht="18.75" customHeight="1" x14ac:dyDescent="0.15">
      <c r="A100" s="127"/>
      <c r="B100" s="128"/>
      <c r="C100" s="129"/>
      <c r="D100" s="130"/>
      <c r="E100" s="116"/>
      <c r="F100" s="131"/>
      <c r="G100" s="132"/>
      <c r="H100" s="395"/>
      <c r="I100" s="113" t="s">
        <v>11</v>
      </c>
      <c r="J100" s="114" t="s">
        <v>51</v>
      </c>
      <c r="K100" s="114"/>
      <c r="L100" s="109"/>
      <c r="M100" s="109" t="s">
        <v>11</v>
      </c>
      <c r="N100" s="114" t="s">
        <v>52</v>
      </c>
      <c r="O100" s="109"/>
      <c r="P100" s="109"/>
      <c r="Q100" s="109" t="s">
        <v>11</v>
      </c>
      <c r="R100" s="114" t="s">
        <v>53</v>
      </c>
      <c r="S100" s="101"/>
      <c r="T100" s="114"/>
      <c r="U100" s="109" t="s">
        <v>11</v>
      </c>
      <c r="V100" s="114" t="s">
        <v>54</v>
      </c>
      <c r="W100" s="133"/>
      <c r="X100" s="134"/>
      <c r="Y100" s="135"/>
      <c r="Z100" s="135"/>
      <c r="AA100" s="135"/>
      <c r="AB100" s="136"/>
      <c r="AC100" s="141"/>
      <c r="AD100" s="135"/>
      <c r="AE100" s="135"/>
      <c r="AF100" s="136"/>
    </row>
    <row r="101" spans="1:32" ht="18.75" customHeight="1" x14ac:dyDescent="0.15">
      <c r="A101" s="171"/>
      <c r="B101" s="172"/>
      <c r="C101" s="173"/>
      <c r="D101" s="174"/>
      <c r="E101" s="175"/>
      <c r="F101" s="176"/>
      <c r="G101" s="177"/>
      <c r="H101" s="459"/>
      <c r="I101" s="178" t="s">
        <v>11</v>
      </c>
      <c r="J101" s="179" t="s">
        <v>55</v>
      </c>
      <c r="K101" s="179"/>
      <c r="L101" s="180"/>
      <c r="M101" s="180"/>
      <c r="N101" s="179"/>
      <c r="O101" s="180"/>
      <c r="P101" s="180"/>
      <c r="Q101" s="180"/>
      <c r="R101" s="179"/>
      <c r="S101" s="181"/>
      <c r="T101" s="179"/>
      <c r="U101" s="180"/>
      <c r="V101" s="179"/>
      <c r="W101" s="182"/>
      <c r="X101" s="183"/>
      <c r="Y101" s="184"/>
      <c r="Z101" s="184"/>
      <c r="AA101" s="184"/>
      <c r="AB101" s="185"/>
      <c r="AC101" s="186"/>
      <c r="AD101" s="184"/>
      <c r="AE101" s="184"/>
      <c r="AF101" s="185"/>
    </row>
    <row r="102" spans="1:32" ht="18.75" customHeight="1" x14ac:dyDescent="0.15">
      <c r="A102" s="117"/>
      <c r="B102" s="118"/>
      <c r="C102" s="216"/>
      <c r="D102" s="121"/>
      <c r="E102" s="112"/>
      <c r="F102" s="121"/>
      <c r="G102" s="125"/>
      <c r="H102" s="317" t="s">
        <v>308</v>
      </c>
      <c r="I102" s="187" t="s">
        <v>11</v>
      </c>
      <c r="J102" s="188" t="s">
        <v>25</v>
      </c>
      <c r="K102" s="188"/>
      <c r="L102" s="190"/>
      <c r="M102" s="191" t="s">
        <v>11</v>
      </c>
      <c r="N102" s="188" t="s">
        <v>67</v>
      </c>
      <c r="O102" s="188"/>
      <c r="P102" s="190"/>
      <c r="Q102" s="191" t="s">
        <v>11</v>
      </c>
      <c r="R102" s="217" t="s">
        <v>68</v>
      </c>
      <c r="S102" s="217"/>
      <c r="T102" s="217"/>
      <c r="U102" s="217"/>
      <c r="V102" s="217"/>
      <c r="W102" s="217"/>
      <c r="X102" s="218"/>
      <c r="Y102" s="194" t="s">
        <v>11</v>
      </c>
      <c r="Z102" s="110" t="s">
        <v>20</v>
      </c>
      <c r="AA102" s="110"/>
      <c r="AB102" s="126"/>
      <c r="AC102" s="194" t="s">
        <v>11</v>
      </c>
      <c r="AD102" s="110" t="s">
        <v>20</v>
      </c>
      <c r="AE102" s="110"/>
      <c r="AF102" s="126"/>
    </row>
    <row r="103" spans="1:32" ht="19.5" customHeight="1" x14ac:dyDescent="0.15">
      <c r="A103" s="127"/>
      <c r="B103" s="128"/>
      <c r="C103" s="129"/>
      <c r="D103" s="130"/>
      <c r="E103" s="116"/>
      <c r="F103" s="131"/>
      <c r="G103" s="132"/>
      <c r="H103" s="198" t="s">
        <v>22</v>
      </c>
      <c r="I103" s="137" t="s">
        <v>11</v>
      </c>
      <c r="J103" s="155" t="s">
        <v>23</v>
      </c>
      <c r="K103" s="160"/>
      <c r="L103" s="199"/>
      <c r="M103" s="196" t="s">
        <v>11</v>
      </c>
      <c r="N103" s="155" t="s">
        <v>24</v>
      </c>
      <c r="O103" s="196"/>
      <c r="P103" s="155"/>
      <c r="Q103" s="139"/>
      <c r="R103" s="139"/>
      <c r="S103" s="139"/>
      <c r="T103" s="139"/>
      <c r="U103" s="139"/>
      <c r="V103" s="139"/>
      <c r="W103" s="139"/>
      <c r="X103" s="140"/>
      <c r="Y103" s="109" t="s">
        <v>11</v>
      </c>
      <c r="Z103" s="114" t="s">
        <v>21</v>
      </c>
      <c r="AA103" s="135"/>
      <c r="AB103" s="136"/>
      <c r="AC103" s="109" t="s">
        <v>11</v>
      </c>
      <c r="AD103" s="114" t="s">
        <v>21</v>
      </c>
      <c r="AE103" s="135"/>
      <c r="AF103" s="136"/>
    </row>
    <row r="104" spans="1:32" ht="19.5" customHeight="1" x14ac:dyDescent="0.15">
      <c r="A104" s="127"/>
      <c r="B104" s="128"/>
      <c r="C104" s="129"/>
      <c r="D104" s="130"/>
      <c r="E104" s="116"/>
      <c r="F104" s="131"/>
      <c r="G104" s="132"/>
      <c r="H104" s="142" t="s">
        <v>69</v>
      </c>
      <c r="I104" s="143" t="s">
        <v>11</v>
      </c>
      <c r="J104" s="144" t="s">
        <v>23</v>
      </c>
      <c r="K104" s="145"/>
      <c r="L104" s="146"/>
      <c r="M104" s="147" t="s">
        <v>11</v>
      </c>
      <c r="N104" s="144" t="s">
        <v>24</v>
      </c>
      <c r="O104" s="147"/>
      <c r="P104" s="144"/>
      <c r="Q104" s="148"/>
      <c r="R104" s="148"/>
      <c r="S104" s="148"/>
      <c r="T104" s="148"/>
      <c r="U104" s="148"/>
      <c r="V104" s="148"/>
      <c r="W104" s="148"/>
      <c r="X104" s="149"/>
      <c r="Y104" s="141"/>
      <c r="Z104" s="135"/>
      <c r="AA104" s="135"/>
      <c r="AB104" s="136"/>
      <c r="AC104" s="141"/>
      <c r="AD104" s="135"/>
      <c r="AE104" s="135"/>
      <c r="AF104" s="136"/>
    </row>
    <row r="105" spans="1:32" ht="18.75" customHeight="1" x14ac:dyDescent="0.15">
      <c r="A105" s="127"/>
      <c r="B105" s="128"/>
      <c r="C105" s="219"/>
      <c r="D105" s="131"/>
      <c r="E105" s="116"/>
      <c r="F105" s="131"/>
      <c r="G105" s="238"/>
      <c r="H105" s="150" t="s">
        <v>33</v>
      </c>
      <c r="I105" s="164" t="s">
        <v>11</v>
      </c>
      <c r="J105" s="144" t="s">
        <v>25</v>
      </c>
      <c r="K105" s="145"/>
      <c r="L105" s="109" t="s">
        <v>11</v>
      </c>
      <c r="M105" s="144" t="s">
        <v>29</v>
      </c>
      <c r="N105" s="200"/>
      <c r="O105" s="200"/>
      <c r="P105" s="200"/>
      <c r="Q105" s="200"/>
      <c r="R105" s="200"/>
      <c r="S105" s="200"/>
      <c r="T105" s="200"/>
      <c r="U105" s="200"/>
      <c r="V105" s="200"/>
      <c r="W105" s="200"/>
      <c r="X105" s="201"/>
      <c r="Y105" s="141"/>
      <c r="Z105" s="135"/>
      <c r="AA105" s="135"/>
      <c r="AB105" s="136"/>
      <c r="AC105" s="141"/>
      <c r="AD105" s="135"/>
      <c r="AE105" s="135"/>
      <c r="AF105" s="136"/>
    </row>
    <row r="106" spans="1:32" ht="18.75" customHeight="1" x14ac:dyDescent="0.15">
      <c r="A106" s="127"/>
      <c r="B106" s="128"/>
      <c r="C106" s="219"/>
      <c r="D106" s="131"/>
      <c r="E106" s="116"/>
      <c r="F106" s="131"/>
      <c r="G106" s="238"/>
      <c r="H106" s="395" t="s">
        <v>232</v>
      </c>
      <c r="I106" s="397" t="s">
        <v>11</v>
      </c>
      <c r="J106" s="421" t="s">
        <v>31</v>
      </c>
      <c r="K106" s="421"/>
      <c r="L106" s="421"/>
      <c r="M106" s="397" t="s">
        <v>11</v>
      </c>
      <c r="N106" s="421" t="s">
        <v>32</v>
      </c>
      <c r="O106" s="421"/>
      <c r="P106" s="421"/>
      <c r="Q106" s="162"/>
      <c r="R106" s="162"/>
      <c r="S106" s="162"/>
      <c r="T106" s="162"/>
      <c r="U106" s="162"/>
      <c r="V106" s="162"/>
      <c r="W106" s="162"/>
      <c r="X106" s="163"/>
      <c r="Y106" s="141"/>
      <c r="Z106" s="135"/>
      <c r="AA106" s="135"/>
      <c r="AB106" s="136"/>
      <c r="AC106" s="141"/>
      <c r="AD106" s="135"/>
      <c r="AE106" s="135"/>
      <c r="AF106" s="136"/>
    </row>
    <row r="107" spans="1:32" ht="20.25" customHeight="1" x14ac:dyDescent="0.15">
      <c r="A107" s="127"/>
      <c r="B107" s="128"/>
      <c r="C107" s="219"/>
      <c r="D107" s="131"/>
      <c r="E107" s="116"/>
      <c r="F107" s="131"/>
      <c r="G107" s="238"/>
      <c r="H107" s="467"/>
      <c r="I107" s="468"/>
      <c r="J107" s="469"/>
      <c r="K107" s="469"/>
      <c r="L107" s="469"/>
      <c r="M107" s="468"/>
      <c r="N107" s="469"/>
      <c r="O107" s="469"/>
      <c r="P107" s="469"/>
      <c r="Q107" s="385"/>
      <c r="R107" s="385"/>
      <c r="S107" s="385"/>
      <c r="T107" s="385"/>
      <c r="U107" s="385"/>
      <c r="V107" s="385"/>
      <c r="W107" s="385"/>
      <c r="X107" s="386"/>
      <c r="Y107" s="141"/>
      <c r="Z107" s="135"/>
      <c r="AA107" s="135"/>
      <c r="AB107" s="136"/>
      <c r="AC107" s="141"/>
      <c r="AD107" s="135"/>
      <c r="AE107" s="135"/>
      <c r="AF107" s="136"/>
    </row>
    <row r="108" spans="1:32" ht="18.75" customHeight="1" x14ac:dyDescent="0.15">
      <c r="A108" s="127"/>
      <c r="B108" s="128"/>
      <c r="C108" s="219"/>
      <c r="D108" s="131"/>
      <c r="E108" s="116"/>
      <c r="F108" s="131"/>
      <c r="G108" s="238"/>
      <c r="H108" s="365" t="s">
        <v>80</v>
      </c>
      <c r="I108" s="367" t="s">
        <v>11</v>
      </c>
      <c r="J108" s="155" t="s">
        <v>25</v>
      </c>
      <c r="K108" s="155"/>
      <c r="L108" s="369" t="s">
        <v>11</v>
      </c>
      <c r="M108" s="155" t="s">
        <v>26</v>
      </c>
      <c r="N108" s="155"/>
      <c r="O108" s="245" t="s">
        <v>11</v>
      </c>
      <c r="P108" s="155" t="s">
        <v>27</v>
      </c>
      <c r="Q108" s="366"/>
      <c r="R108" s="245"/>
      <c r="S108" s="155"/>
      <c r="T108" s="366"/>
      <c r="U108" s="245"/>
      <c r="V108" s="155"/>
      <c r="W108" s="366"/>
      <c r="X108" s="140"/>
      <c r="Y108" s="141"/>
      <c r="Z108" s="135"/>
      <c r="AA108" s="135"/>
      <c r="AB108" s="136"/>
      <c r="AC108" s="141"/>
      <c r="AD108" s="135"/>
      <c r="AE108" s="135"/>
      <c r="AF108" s="136"/>
    </row>
    <row r="109" spans="1:32" ht="18.75" customHeight="1" x14ac:dyDescent="0.15">
      <c r="A109" s="127"/>
      <c r="B109" s="128"/>
      <c r="C109" s="219"/>
      <c r="D109" s="131"/>
      <c r="E109" s="116"/>
      <c r="F109" s="131"/>
      <c r="G109" s="238"/>
      <c r="H109" s="226" t="s">
        <v>309</v>
      </c>
      <c r="I109" s="164" t="s">
        <v>11</v>
      </c>
      <c r="J109" s="144" t="s">
        <v>25</v>
      </c>
      <c r="K109" s="145"/>
      <c r="L109" s="109" t="s">
        <v>11</v>
      </c>
      <c r="M109" s="144" t="s">
        <v>29</v>
      </c>
      <c r="N109" s="200"/>
      <c r="O109" s="200"/>
      <c r="P109" s="200"/>
      <c r="Q109" s="200"/>
      <c r="R109" s="200"/>
      <c r="S109" s="200"/>
      <c r="T109" s="200"/>
      <c r="U109" s="200"/>
      <c r="V109" s="200"/>
      <c r="W109" s="200"/>
      <c r="X109" s="201"/>
      <c r="Y109" s="141"/>
      <c r="Z109" s="135"/>
      <c r="AA109" s="135"/>
      <c r="AB109" s="136"/>
      <c r="AC109" s="141"/>
      <c r="AD109" s="135"/>
      <c r="AE109" s="135"/>
      <c r="AF109" s="136"/>
    </row>
    <row r="110" spans="1:32" ht="18.75" customHeight="1" x14ac:dyDescent="0.15">
      <c r="A110" s="127"/>
      <c r="B110" s="128"/>
      <c r="C110" s="219"/>
      <c r="D110" s="131"/>
      <c r="E110" s="116"/>
      <c r="F110" s="131"/>
      <c r="G110" s="238"/>
      <c r="H110" s="226" t="s">
        <v>310</v>
      </c>
      <c r="I110" s="164" t="s">
        <v>11</v>
      </c>
      <c r="J110" s="144" t="s">
        <v>25</v>
      </c>
      <c r="K110" s="144"/>
      <c r="L110" s="147" t="s">
        <v>11</v>
      </c>
      <c r="M110" s="144" t="s">
        <v>26</v>
      </c>
      <c r="N110" s="144"/>
      <c r="O110" s="168" t="s">
        <v>11</v>
      </c>
      <c r="P110" s="144" t="s">
        <v>27</v>
      </c>
      <c r="Q110" s="200"/>
      <c r="R110" s="168" t="s">
        <v>11</v>
      </c>
      <c r="S110" s="144" t="s">
        <v>28</v>
      </c>
      <c r="T110" s="200"/>
      <c r="U110" s="200"/>
      <c r="V110" s="200"/>
      <c r="W110" s="200"/>
      <c r="X110" s="201"/>
      <c r="Y110" s="141"/>
      <c r="Z110" s="135"/>
      <c r="AA110" s="135"/>
      <c r="AB110" s="136"/>
      <c r="AC110" s="141"/>
      <c r="AD110" s="135"/>
      <c r="AE110" s="135"/>
      <c r="AF110" s="136"/>
    </row>
    <row r="111" spans="1:32" ht="18.75" customHeight="1" x14ac:dyDescent="0.15">
      <c r="A111" s="113" t="s">
        <v>11</v>
      </c>
      <c r="B111" s="128">
        <v>73</v>
      </c>
      <c r="C111" s="219" t="s">
        <v>311</v>
      </c>
      <c r="D111" s="113" t="s">
        <v>11</v>
      </c>
      <c r="E111" s="116" t="s">
        <v>312</v>
      </c>
      <c r="F111" s="131"/>
      <c r="G111" s="238"/>
      <c r="H111" s="226" t="s">
        <v>313</v>
      </c>
      <c r="I111" s="143" t="s">
        <v>11</v>
      </c>
      <c r="J111" s="144" t="s">
        <v>25</v>
      </c>
      <c r="K111" s="145"/>
      <c r="L111" s="147" t="s">
        <v>11</v>
      </c>
      <c r="M111" s="144" t="s">
        <v>29</v>
      </c>
      <c r="N111" s="200"/>
      <c r="O111" s="200"/>
      <c r="P111" s="200"/>
      <c r="Q111" s="200"/>
      <c r="R111" s="200"/>
      <c r="S111" s="200"/>
      <c r="T111" s="200"/>
      <c r="U111" s="200"/>
      <c r="V111" s="200"/>
      <c r="W111" s="200"/>
      <c r="X111" s="201"/>
      <c r="Y111" s="141"/>
      <c r="Z111" s="135"/>
      <c r="AA111" s="135"/>
      <c r="AB111" s="136"/>
      <c r="AC111" s="141"/>
      <c r="AD111" s="135"/>
      <c r="AE111" s="135"/>
      <c r="AF111" s="136"/>
    </row>
    <row r="112" spans="1:32" ht="18.75" customHeight="1" x14ac:dyDescent="0.15">
      <c r="A112" s="127"/>
      <c r="B112" s="128"/>
      <c r="C112" s="219"/>
      <c r="D112" s="113" t="s">
        <v>11</v>
      </c>
      <c r="E112" s="116" t="s">
        <v>314</v>
      </c>
      <c r="F112" s="131"/>
      <c r="G112" s="238"/>
      <c r="H112" s="226" t="s">
        <v>315</v>
      </c>
      <c r="I112" s="143" t="s">
        <v>11</v>
      </c>
      <c r="J112" s="144" t="s">
        <v>25</v>
      </c>
      <c r="K112" s="145"/>
      <c r="L112" s="147" t="s">
        <v>11</v>
      </c>
      <c r="M112" s="144" t="s">
        <v>29</v>
      </c>
      <c r="N112" s="200"/>
      <c r="O112" s="200"/>
      <c r="P112" s="200"/>
      <c r="Q112" s="200"/>
      <c r="R112" s="200"/>
      <c r="S112" s="200"/>
      <c r="T112" s="200"/>
      <c r="U112" s="200"/>
      <c r="V112" s="200"/>
      <c r="W112" s="200"/>
      <c r="X112" s="201"/>
      <c r="Y112" s="141"/>
      <c r="Z112" s="135"/>
      <c r="AA112" s="135"/>
      <c r="AB112" s="136"/>
      <c r="AC112" s="141"/>
      <c r="AD112" s="135"/>
      <c r="AE112" s="135"/>
      <c r="AF112" s="136"/>
    </row>
    <row r="113" spans="1:32" ht="18.75" customHeight="1" x14ac:dyDescent="0.15">
      <c r="A113" s="127"/>
      <c r="B113" s="128"/>
      <c r="C113" s="219"/>
      <c r="D113" s="131"/>
      <c r="E113" s="116" t="s">
        <v>316</v>
      </c>
      <c r="F113" s="131"/>
      <c r="G113" s="238"/>
      <c r="H113" s="226" t="s">
        <v>279</v>
      </c>
      <c r="I113" s="143" t="s">
        <v>11</v>
      </c>
      <c r="J113" s="144" t="s">
        <v>25</v>
      </c>
      <c r="K113" s="145"/>
      <c r="L113" s="147" t="s">
        <v>11</v>
      </c>
      <c r="M113" s="144" t="s">
        <v>56</v>
      </c>
      <c r="N113" s="144"/>
      <c r="O113" s="168" t="s">
        <v>11</v>
      </c>
      <c r="P113" s="153" t="s">
        <v>57</v>
      </c>
      <c r="Q113" s="144"/>
      <c r="R113" s="144"/>
      <c r="S113" s="145"/>
      <c r="T113" s="144"/>
      <c r="U113" s="145"/>
      <c r="V113" s="145"/>
      <c r="W113" s="145"/>
      <c r="X113" s="152"/>
      <c r="Y113" s="141"/>
      <c r="Z113" s="135"/>
      <c r="AA113" s="135"/>
      <c r="AB113" s="136"/>
      <c r="AC113" s="141"/>
      <c r="AD113" s="135"/>
      <c r="AE113" s="135"/>
      <c r="AF113" s="136"/>
    </row>
    <row r="114" spans="1:32" ht="18.75" customHeight="1" x14ac:dyDescent="0.15">
      <c r="A114" s="127"/>
      <c r="B114" s="128"/>
      <c r="C114" s="219"/>
      <c r="D114" s="131"/>
      <c r="E114" s="116"/>
      <c r="F114" s="131"/>
      <c r="G114" s="238"/>
      <c r="H114" s="150" t="s">
        <v>84</v>
      </c>
      <c r="I114" s="143" t="s">
        <v>11</v>
      </c>
      <c r="J114" s="144" t="s">
        <v>25</v>
      </c>
      <c r="K114" s="145"/>
      <c r="L114" s="147" t="s">
        <v>11</v>
      </c>
      <c r="M114" s="144" t="s">
        <v>29</v>
      </c>
      <c r="N114" s="200"/>
      <c r="O114" s="200"/>
      <c r="P114" s="200"/>
      <c r="Q114" s="200"/>
      <c r="R114" s="200"/>
      <c r="S114" s="200"/>
      <c r="T114" s="200"/>
      <c r="U114" s="200"/>
      <c r="V114" s="200"/>
      <c r="W114" s="200"/>
      <c r="X114" s="201"/>
      <c r="Y114" s="141"/>
      <c r="Z114" s="135"/>
      <c r="AA114" s="135"/>
      <c r="AB114" s="136"/>
      <c r="AC114" s="141"/>
      <c r="AD114" s="135"/>
      <c r="AE114" s="135"/>
      <c r="AF114" s="136"/>
    </row>
    <row r="115" spans="1:32" ht="18.75" customHeight="1" x14ac:dyDescent="0.15">
      <c r="A115" s="127"/>
      <c r="B115" s="128"/>
      <c r="C115" s="219"/>
      <c r="D115" s="131"/>
      <c r="E115" s="116"/>
      <c r="F115" s="131"/>
      <c r="G115" s="238"/>
      <c r="H115" s="228" t="s">
        <v>103</v>
      </c>
      <c r="I115" s="143" t="s">
        <v>11</v>
      </c>
      <c r="J115" s="144" t="s">
        <v>25</v>
      </c>
      <c r="K115" s="144"/>
      <c r="L115" s="147" t="s">
        <v>11</v>
      </c>
      <c r="M115" s="144" t="s">
        <v>26</v>
      </c>
      <c r="N115" s="144"/>
      <c r="O115" s="147" t="s">
        <v>11</v>
      </c>
      <c r="P115" s="144" t="s">
        <v>27</v>
      </c>
      <c r="Q115" s="148"/>
      <c r="R115" s="148"/>
      <c r="S115" s="148"/>
      <c r="T115" s="148"/>
      <c r="U115" s="169"/>
      <c r="V115" s="169"/>
      <c r="W115" s="169"/>
      <c r="X115" s="170"/>
      <c r="Y115" s="141"/>
      <c r="Z115" s="135"/>
      <c r="AA115" s="135"/>
      <c r="AB115" s="136"/>
      <c r="AC115" s="141"/>
      <c r="AD115" s="135"/>
      <c r="AE115" s="135"/>
      <c r="AF115" s="136"/>
    </row>
    <row r="116" spans="1:32" ht="18.75" customHeight="1" x14ac:dyDescent="0.15">
      <c r="A116" s="127"/>
      <c r="B116" s="128"/>
      <c r="C116" s="219"/>
      <c r="D116" s="131"/>
      <c r="E116" s="116"/>
      <c r="F116" s="131"/>
      <c r="G116" s="238"/>
      <c r="H116" s="226" t="s">
        <v>85</v>
      </c>
      <c r="I116" s="143" t="s">
        <v>11</v>
      </c>
      <c r="J116" s="144" t="s">
        <v>25</v>
      </c>
      <c r="K116" s="144"/>
      <c r="L116" s="147" t="s">
        <v>11</v>
      </c>
      <c r="M116" s="144" t="s">
        <v>86</v>
      </c>
      <c r="N116" s="144"/>
      <c r="O116" s="147" t="s">
        <v>11</v>
      </c>
      <c r="P116" s="144" t="s">
        <v>87</v>
      </c>
      <c r="Q116" s="200"/>
      <c r="R116" s="147" t="s">
        <v>11</v>
      </c>
      <c r="S116" s="144" t="s">
        <v>88</v>
      </c>
      <c r="T116" s="200"/>
      <c r="U116" s="200"/>
      <c r="V116" s="200"/>
      <c r="W116" s="200"/>
      <c r="X116" s="201"/>
      <c r="Y116" s="141"/>
      <c r="Z116" s="135"/>
      <c r="AA116" s="135"/>
      <c r="AB116" s="136"/>
      <c r="AC116" s="141"/>
      <c r="AD116" s="135"/>
      <c r="AE116" s="135"/>
      <c r="AF116" s="136"/>
    </row>
    <row r="117" spans="1:32" ht="18.75" customHeight="1" x14ac:dyDescent="0.15">
      <c r="A117" s="127"/>
      <c r="B117" s="128"/>
      <c r="C117" s="129"/>
      <c r="D117" s="130"/>
      <c r="E117" s="116"/>
      <c r="F117" s="131"/>
      <c r="G117" s="132"/>
      <c r="H117" s="395" t="s">
        <v>37</v>
      </c>
      <c r="I117" s="164" t="s">
        <v>11</v>
      </c>
      <c r="J117" s="153" t="s">
        <v>25</v>
      </c>
      <c r="K117" s="153"/>
      <c r="L117" s="165"/>
      <c r="M117" s="166"/>
      <c r="N117" s="166"/>
      <c r="O117" s="165"/>
      <c r="P117" s="166"/>
      <c r="Q117" s="167"/>
      <c r="R117" s="165"/>
      <c r="S117" s="166"/>
      <c r="T117" s="167"/>
      <c r="U117" s="168" t="s">
        <v>11</v>
      </c>
      <c r="V117" s="153" t="s">
        <v>38</v>
      </c>
      <c r="W117" s="169"/>
      <c r="X117" s="170"/>
      <c r="Y117" s="244"/>
      <c r="Z117" s="244"/>
      <c r="AA117" s="244"/>
      <c r="AB117" s="136"/>
      <c r="AC117" s="141"/>
      <c r="AD117" s="244"/>
      <c r="AE117" s="244"/>
      <c r="AF117" s="136"/>
    </row>
    <row r="118" spans="1:32" ht="18.75" customHeight="1" x14ac:dyDescent="0.15">
      <c r="A118" s="127"/>
      <c r="B118" s="128"/>
      <c r="C118" s="129"/>
      <c r="D118" s="130"/>
      <c r="E118" s="116"/>
      <c r="F118" s="131"/>
      <c r="G118" s="132"/>
      <c r="H118" s="395"/>
      <c r="I118" s="113" t="s">
        <v>11</v>
      </c>
      <c r="J118" s="243" t="s">
        <v>39</v>
      </c>
      <c r="K118" s="243"/>
      <c r="L118" s="245"/>
      <c r="M118" s="245" t="s">
        <v>11</v>
      </c>
      <c r="N118" s="243" t="s">
        <v>40</v>
      </c>
      <c r="O118" s="245"/>
      <c r="P118" s="245"/>
      <c r="Q118" s="245" t="s">
        <v>11</v>
      </c>
      <c r="R118" s="243" t="s">
        <v>41</v>
      </c>
      <c r="S118" s="246"/>
      <c r="T118" s="243"/>
      <c r="U118" s="245" t="s">
        <v>11</v>
      </c>
      <c r="V118" s="243" t="s">
        <v>42</v>
      </c>
      <c r="W118" s="247"/>
      <c r="X118" s="134"/>
      <c r="Y118" s="244"/>
      <c r="Z118" s="244"/>
      <c r="AA118" s="244"/>
      <c r="AB118" s="136"/>
      <c r="AC118" s="141"/>
      <c r="AD118" s="244"/>
      <c r="AE118" s="244"/>
      <c r="AF118" s="136"/>
    </row>
    <row r="119" spans="1:32" ht="18.75" customHeight="1" x14ac:dyDescent="0.15">
      <c r="A119" s="127"/>
      <c r="B119" s="128"/>
      <c r="C119" s="129"/>
      <c r="D119" s="130"/>
      <c r="E119" s="116"/>
      <c r="F119" s="131"/>
      <c r="G119" s="132"/>
      <c r="H119" s="395"/>
      <c r="I119" s="113" t="s">
        <v>11</v>
      </c>
      <c r="J119" s="243" t="s">
        <v>43</v>
      </c>
      <c r="K119" s="243"/>
      <c r="L119" s="245"/>
      <c r="M119" s="245" t="s">
        <v>11</v>
      </c>
      <c r="N119" s="243" t="s">
        <v>44</v>
      </c>
      <c r="O119" s="245"/>
      <c r="P119" s="245"/>
      <c r="Q119" s="245" t="s">
        <v>11</v>
      </c>
      <c r="R119" s="243" t="s">
        <v>45</v>
      </c>
      <c r="S119" s="246"/>
      <c r="T119" s="243"/>
      <c r="U119" s="245" t="s">
        <v>11</v>
      </c>
      <c r="V119" s="243" t="s">
        <v>46</v>
      </c>
      <c r="W119" s="247"/>
      <c r="X119" s="134"/>
      <c r="Y119" s="244"/>
      <c r="Z119" s="244"/>
      <c r="AA119" s="244"/>
      <c r="AB119" s="136"/>
      <c r="AC119" s="141"/>
      <c r="AD119" s="244"/>
      <c r="AE119" s="244"/>
      <c r="AF119" s="136"/>
    </row>
    <row r="120" spans="1:32" ht="18.75" customHeight="1" x14ac:dyDescent="0.15">
      <c r="A120" s="127"/>
      <c r="B120" s="128"/>
      <c r="C120" s="129"/>
      <c r="D120" s="130"/>
      <c r="E120" s="116"/>
      <c r="F120" s="131"/>
      <c r="G120" s="132"/>
      <c r="H120" s="395"/>
      <c r="I120" s="113" t="s">
        <v>11</v>
      </c>
      <c r="J120" s="243" t="s">
        <v>47</v>
      </c>
      <c r="K120" s="243"/>
      <c r="L120" s="245"/>
      <c r="M120" s="245" t="s">
        <v>11</v>
      </c>
      <c r="N120" s="243" t="s">
        <v>48</v>
      </c>
      <c r="O120" s="245"/>
      <c r="P120" s="245"/>
      <c r="Q120" s="245" t="s">
        <v>11</v>
      </c>
      <c r="R120" s="243" t="s">
        <v>49</v>
      </c>
      <c r="S120" s="246"/>
      <c r="T120" s="243"/>
      <c r="U120" s="245" t="s">
        <v>11</v>
      </c>
      <c r="V120" s="243" t="s">
        <v>50</v>
      </c>
      <c r="W120" s="247"/>
      <c r="X120" s="134"/>
      <c r="Y120" s="244"/>
      <c r="Z120" s="244"/>
      <c r="AA120" s="244"/>
      <c r="AB120" s="136"/>
      <c r="AC120" s="141"/>
      <c r="AD120" s="244"/>
      <c r="AE120" s="244"/>
      <c r="AF120" s="136"/>
    </row>
    <row r="121" spans="1:32" ht="18.75" customHeight="1" x14ac:dyDescent="0.15">
      <c r="A121" s="127"/>
      <c r="B121" s="128"/>
      <c r="C121" s="129"/>
      <c r="D121" s="130"/>
      <c r="E121" s="116"/>
      <c r="F121" s="131"/>
      <c r="G121" s="132"/>
      <c r="H121" s="395"/>
      <c r="I121" s="113" t="s">
        <v>11</v>
      </c>
      <c r="J121" s="243" t="s">
        <v>51</v>
      </c>
      <c r="K121" s="243"/>
      <c r="L121" s="245"/>
      <c r="M121" s="245" t="s">
        <v>11</v>
      </c>
      <c r="N121" s="243" t="s">
        <v>52</v>
      </c>
      <c r="O121" s="245"/>
      <c r="P121" s="245"/>
      <c r="Q121" s="245" t="s">
        <v>11</v>
      </c>
      <c r="R121" s="243" t="s">
        <v>53</v>
      </c>
      <c r="S121" s="246"/>
      <c r="T121" s="243"/>
      <c r="U121" s="245" t="s">
        <v>11</v>
      </c>
      <c r="V121" s="243" t="s">
        <v>54</v>
      </c>
      <c r="W121" s="247"/>
      <c r="X121" s="134"/>
      <c r="Y121" s="244"/>
      <c r="Z121" s="244"/>
      <c r="AA121" s="244"/>
      <c r="AB121" s="136"/>
      <c r="AC121" s="141"/>
      <c r="AD121" s="244"/>
      <c r="AE121" s="244"/>
      <c r="AF121" s="136"/>
    </row>
    <row r="122" spans="1:32" ht="18.75" customHeight="1" x14ac:dyDescent="0.15">
      <c r="A122" s="171"/>
      <c r="B122" s="172"/>
      <c r="C122" s="173"/>
      <c r="D122" s="174"/>
      <c r="E122" s="175"/>
      <c r="F122" s="176"/>
      <c r="G122" s="177"/>
      <c r="H122" s="459"/>
      <c r="I122" s="178" t="s">
        <v>11</v>
      </c>
      <c r="J122" s="179" t="s">
        <v>55</v>
      </c>
      <c r="K122" s="179"/>
      <c r="L122" s="180"/>
      <c r="M122" s="180"/>
      <c r="N122" s="179"/>
      <c r="O122" s="180"/>
      <c r="P122" s="180"/>
      <c r="Q122" s="180"/>
      <c r="R122" s="179"/>
      <c r="S122" s="181"/>
      <c r="T122" s="179"/>
      <c r="U122" s="180"/>
      <c r="V122" s="179"/>
      <c r="W122" s="182"/>
      <c r="X122" s="183"/>
      <c r="Y122" s="184"/>
      <c r="Z122" s="184"/>
      <c r="AA122" s="184"/>
      <c r="AB122" s="185"/>
      <c r="AC122" s="186"/>
      <c r="AD122" s="184"/>
      <c r="AE122" s="184"/>
      <c r="AF122" s="185"/>
    </row>
    <row r="123" spans="1:32" ht="18.75" customHeight="1" x14ac:dyDescent="0.15">
      <c r="A123" s="120"/>
      <c r="B123" s="211"/>
      <c r="C123" s="318"/>
      <c r="D123" s="225"/>
      <c r="E123" s="225"/>
      <c r="F123" s="121"/>
      <c r="G123" s="125"/>
      <c r="H123" s="317" t="s">
        <v>66</v>
      </c>
      <c r="I123" s="187" t="s">
        <v>11</v>
      </c>
      <c r="J123" s="319" t="s">
        <v>25</v>
      </c>
      <c r="K123" s="188"/>
      <c r="L123" s="190"/>
      <c r="M123" s="191" t="s">
        <v>11</v>
      </c>
      <c r="N123" s="188" t="s">
        <v>67</v>
      </c>
      <c r="O123" s="188"/>
      <c r="P123" s="190"/>
      <c r="Q123" s="191" t="s">
        <v>11</v>
      </c>
      <c r="R123" s="217" t="s">
        <v>68</v>
      </c>
      <c r="S123" s="217"/>
      <c r="T123" s="217"/>
      <c r="U123" s="217"/>
      <c r="V123" s="217"/>
      <c r="W123" s="217"/>
      <c r="X123" s="218"/>
      <c r="Y123" s="194" t="s">
        <v>11</v>
      </c>
      <c r="Z123" s="110" t="s">
        <v>20</v>
      </c>
      <c r="AA123" s="110"/>
      <c r="AB123" s="126"/>
      <c r="AC123" s="194" t="s">
        <v>11</v>
      </c>
      <c r="AD123" s="110" t="s">
        <v>20</v>
      </c>
      <c r="AE123" s="110"/>
      <c r="AF123" s="126"/>
    </row>
    <row r="124" spans="1:32" ht="19.5" customHeight="1" x14ac:dyDescent="0.15">
      <c r="A124" s="127"/>
      <c r="B124" s="128"/>
      <c r="C124" s="219"/>
      <c r="D124" s="113"/>
      <c r="E124" s="116"/>
      <c r="F124" s="131"/>
      <c r="G124" s="132"/>
      <c r="H124" s="198" t="s">
        <v>22</v>
      </c>
      <c r="I124" s="137" t="s">
        <v>11</v>
      </c>
      <c r="J124" s="155" t="s">
        <v>23</v>
      </c>
      <c r="K124" s="160"/>
      <c r="L124" s="199"/>
      <c r="M124" s="196" t="s">
        <v>11</v>
      </c>
      <c r="N124" s="155" t="s">
        <v>24</v>
      </c>
      <c r="O124" s="196"/>
      <c r="P124" s="155"/>
      <c r="Q124" s="139"/>
      <c r="R124" s="139"/>
      <c r="S124" s="139"/>
      <c r="T124" s="139"/>
      <c r="U124" s="139"/>
      <c r="V124" s="139"/>
      <c r="W124" s="139"/>
      <c r="X124" s="140"/>
      <c r="Y124" s="113" t="s">
        <v>11</v>
      </c>
      <c r="Z124" s="243" t="s">
        <v>21</v>
      </c>
      <c r="AA124" s="243"/>
      <c r="AB124" s="136"/>
      <c r="AC124" s="113" t="s">
        <v>11</v>
      </c>
      <c r="AD124" s="243" t="s">
        <v>21</v>
      </c>
      <c r="AE124" s="244"/>
      <c r="AF124" s="136"/>
    </row>
    <row r="125" spans="1:32" ht="19.5" customHeight="1" x14ac:dyDescent="0.15">
      <c r="A125" s="127"/>
      <c r="B125" s="128"/>
      <c r="C125" s="219"/>
      <c r="D125" s="113"/>
      <c r="E125" s="116"/>
      <c r="F125" s="131"/>
      <c r="G125" s="132"/>
      <c r="H125" s="320" t="s">
        <v>69</v>
      </c>
      <c r="I125" s="137" t="s">
        <v>11</v>
      </c>
      <c r="J125" s="155" t="s">
        <v>23</v>
      </c>
      <c r="K125" s="160"/>
      <c r="L125" s="199"/>
      <c r="M125" s="196" t="s">
        <v>11</v>
      </c>
      <c r="N125" s="155" t="s">
        <v>24</v>
      </c>
      <c r="O125" s="196"/>
      <c r="P125" s="155"/>
      <c r="Q125" s="139"/>
      <c r="R125" s="139"/>
      <c r="S125" s="139"/>
      <c r="T125" s="139"/>
      <c r="U125" s="139"/>
      <c r="V125" s="139"/>
      <c r="W125" s="139"/>
      <c r="X125" s="140"/>
      <c r="Y125" s="113"/>
      <c r="Z125" s="243"/>
      <c r="AA125" s="243"/>
      <c r="AB125" s="136"/>
      <c r="AC125" s="113"/>
      <c r="AD125" s="243"/>
      <c r="AE125" s="244"/>
      <c r="AF125" s="136"/>
    </row>
    <row r="126" spans="1:32" ht="18.75" customHeight="1" x14ac:dyDescent="0.15">
      <c r="A126" s="130"/>
      <c r="B126" s="159"/>
      <c r="C126" s="269"/>
      <c r="D126" s="101"/>
      <c r="E126" s="101"/>
      <c r="F126" s="131"/>
      <c r="G126" s="238"/>
      <c r="H126" s="395" t="s">
        <v>232</v>
      </c>
      <c r="I126" s="397" t="s">
        <v>11</v>
      </c>
      <c r="J126" s="421" t="s">
        <v>31</v>
      </c>
      <c r="K126" s="421"/>
      <c r="L126" s="421"/>
      <c r="M126" s="397" t="s">
        <v>11</v>
      </c>
      <c r="N126" s="421" t="s">
        <v>32</v>
      </c>
      <c r="O126" s="421"/>
      <c r="P126" s="421"/>
      <c r="Q126" s="162"/>
      <c r="R126" s="162"/>
      <c r="S126" s="162"/>
      <c r="T126" s="162"/>
      <c r="U126" s="162"/>
      <c r="V126" s="162"/>
      <c r="W126" s="162"/>
      <c r="X126" s="163"/>
      <c r="Y126" s="141"/>
      <c r="Z126" s="135"/>
      <c r="AA126" s="135"/>
      <c r="AB126" s="136"/>
      <c r="AC126" s="141"/>
      <c r="AD126" s="135"/>
      <c r="AE126" s="135"/>
      <c r="AF126" s="136"/>
    </row>
    <row r="127" spans="1:32" ht="18.75" customHeight="1" x14ac:dyDescent="0.15">
      <c r="A127" s="113" t="s">
        <v>11</v>
      </c>
      <c r="B127" s="128">
        <v>68</v>
      </c>
      <c r="C127" s="219" t="s">
        <v>317</v>
      </c>
      <c r="D127" s="109" t="s">
        <v>11</v>
      </c>
      <c r="E127" s="116" t="s">
        <v>312</v>
      </c>
      <c r="F127" s="131"/>
      <c r="G127" s="238"/>
      <c r="H127" s="395"/>
      <c r="I127" s="397"/>
      <c r="J127" s="421"/>
      <c r="K127" s="421"/>
      <c r="L127" s="421"/>
      <c r="M127" s="397"/>
      <c r="N127" s="421"/>
      <c r="O127" s="421"/>
      <c r="P127" s="421"/>
      <c r="Q127" s="139"/>
      <c r="R127" s="139"/>
      <c r="S127" s="139"/>
      <c r="T127" s="139"/>
      <c r="U127" s="139"/>
      <c r="V127" s="139"/>
      <c r="W127" s="139"/>
      <c r="X127" s="140"/>
      <c r="Y127" s="141"/>
      <c r="Z127" s="135"/>
      <c r="AA127" s="135"/>
      <c r="AB127" s="136"/>
      <c r="AC127" s="141"/>
      <c r="AD127" s="135"/>
      <c r="AE127" s="135"/>
      <c r="AF127" s="136"/>
    </row>
    <row r="128" spans="1:32" ht="18.75" customHeight="1" x14ac:dyDescent="0.15">
      <c r="A128" s="127"/>
      <c r="B128" s="128"/>
      <c r="C128" s="219" t="s">
        <v>318</v>
      </c>
      <c r="D128" s="113" t="s">
        <v>11</v>
      </c>
      <c r="E128" s="116" t="s">
        <v>314</v>
      </c>
      <c r="F128" s="131"/>
      <c r="G128" s="238"/>
      <c r="H128" s="228" t="s">
        <v>103</v>
      </c>
      <c r="I128" s="143" t="s">
        <v>11</v>
      </c>
      <c r="J128" s="144" t="s">
        <v>25</v>
      </c>
      <c r="K128" s="144"/>
      <c r="L128" s="147" t="s">
        <v>11</v>
      </c>
      <c r="M128" s="144" t="s">
        <v>26</v>
      </c>
      <c r="N128" s="144"/>
      <c r="O128" s="147" t="s">
        <v>11</v>
      </c>
      <c r="P128" s="144" t="s">
        <v>27</v>
      </c>
      <c r="Q128" s="148"/>
      <c r="R128" s="148"/>
      <c r="S128" s="148"/>
      <c r="T128" s="148"/>
      <c r="U128" s="169"/>
      <c r="V128" s="169"/>
      <c r="W128" s="169"/>
      <c r="X128" s="170"/>
      <c r="Y128" s="141"/>
      <c r="Z128" s="135"/>
      <c r="AA128" s="135"/>
      <c r="AB128" s="136"/>
      <c r="AC128" s="141"/>
      <c r="AD128" s="135"/>
      <c r="AE128" s="135"/>
      <c r="AF128" s="136"/>
    </row>
    <row r="129" spans="1:32" ht="18.75" customHeight="1" x14ac:dyDescent="0.15">
      <c r="A129" s="127"/>
      <c r="B129" s="128"/>
      <c r="C129" s="129"/>
      <c r="D129" s="131"/>
      <c r="E129" s="116" t="s">
        <v>316</v>
      </c>
      <c r="F129" s="131"/>
      <c r="G129" s="238"/>
      <c r="H129" s="226" t="s">
        <v>85</v>
      </c>
      <c r="I129" s="143" t="s">
        <v>11</v>
      </c>
      <c r="J129" s="144" t="s">
        <v>25</v>
      </c>
      <c r="K129" s="144"/>
      <c r="L129" s="147" t="s">
        <v>11</v>
      </c>
      <c r="M129" s="144" t="s">
        <v>86</v>
      </c>
      <c r="N129" s="144"/>
      <c r="O129" s="147" t="s">
        <v>11</v>
      </c>
      <c r="P129" s="144" t="s">
        <v>87</v>
      </c>
      <c r="Q129" s="200"/>
      <c r="R129" s="147" t="s">
        <v>11</v>
      </c>
      <c r="S129" s="144" t="s">
        <v>88</v>
      </c>
      <c r="T129" s="200"/>
      <c r="U129" s="200"/>
      <c r="V129" s="200"/>
      <c r="W129" s="200"/>
      <c r="X129" s="201"/>
      <c r="Y129" s="141"/>
      <c r="Z129" s="135"/>
      <c r="AA129" s="135"/>
      <c r="AB129" s="136"/>
      <c r="AC129" s="141"/>
      <c r="AD129" s="135"/>
      <c r="AE129" s="135"/>
      <c r="AF129" s="136"/>
    </row>
    <row r="130" spans="1:32" ht="18.75" customHeight="1" x14ac:dyDescent="0.15">
      <c r="A130" s="130"/>
      <c r="B130" s="159"/>
      <c r="C130" s="269"/>
      <c r="D130" s="101"/>
      <c r="E130" s="101"/>
      <c r="F130" s="131"/>
      <c r="G130" s="132"/>
      <c r="H130" s="395" t="s">
        <v>37</v>
      </c>
      <c r="I130" s="164" t="s">
        <v>11</v>
      </c>
      <c r="J130" s="153" t="s">
        <v>25</v>
      </c>
      <c r="K130" s="153"/>
      <c r="L130" s="165"/>
      <c r="M130" s="166"/>
      <c r="N130" s="166"/>
      <c r="O130" s="165"/>
      <c r="P130" s="166"/>
      <c r="Q130" s="167"/>
      <c r="R130" s="165"/>
      <c r="S130" s="166"/>
      <c r="T130" s="167"/>
      <c r="U130" s="168" t="s">
        <v>11</v>
      </c>
      <c r="V130" s="153" t="s">
        <v>38</v>
      </c>
      <c r="W130" s="169"/>
      <c r="X130" s="170"/>
      <c r="Y130" s="135"/>
      <c r="Z130" s="135"/>
      <c r="AA130" s="135"/>
      <c r="AB130" s="136"/>
      <c r="AC130" s="141"/>
      <c r="AD130" s="135"/>
      <c r="AE130" s="135"/>
      <c r="AF130" s="136"/>
    </row>
    <row r="131" spans="1:32" ht="18.75" customHeight="1" x14ac:dyDescent="0.15">
      <c r="A131" s="130"/>
      <c r="B131" s="159"/>
      <c r="C131" s="269"/>
      <c r="D131" s="101"/>
      <c r="E131" s="101"/>
      <c r="F131" s="131"/>
      <c r="G131" s="132"/>
      <c r="H131" s="395"/>
      <c r="I131" s="113" t="s">
        <v>11</v>
      </c>
      <c r="J131" s="114" t="s">
        <v>39</v>
      </c>
      <c r="K131" s="114"/>
      <c r="L131" s="109"/>
      <c r="M131" s="109" t="s">
        <v>11</v>
      </c>
      <c r="N131" s="114" t="s">
        <v>40</v>
      </c>
      <c r="O131" s="109"/>
      <c r="P131" s="109"/>
      <c r="Q131" s="109" t="s">
        <v>11</v>
      </c>
      <c r="R131" s="114" t="s">
        <v>41</v>
      </c>
      <c r="S131" s="101"/>
      <c r="T131" s="114"/>
      <c r="U131" s="109" t="s">
        <v>11</v>
      </c>
      <c r="V131" s="114" t="s">
        <v>42</v>
      </c>
      <c r="W131" s="133"/>
      <c r="X131" s="134"/>
      <c r="Y131" s="135"/>
      <c r="Z131" s="135"/>
      <c r="AA131" s="135"/>
      <c r="AB131" s="136"/>
      <c r="AC131" s="141"/>
      <c r="AD131" s="135"/>
      <c r="AE131" s="135"/>
      <c r="AF131" s="136"/>
    </row>
    <row r="132" spans="1:32" ht="18.75" customHeight="1" x14ac:dyDescent="0.15">
      <c r="A132" s="130"/>
      <c r="B132" s="159"/>
      <c r="C132" s="269"/>
      <c r="D132" s="101"/>
      <c r="E132" s="101"/>
      <c r="F132" s="131"/>
      <c r="G132" s="132"/>
      <c r="H132" s="395"/>
      <c r="I132" s="113" t="s">
        <v>11</v>
      </c>
      <c r="J132" s="114" t="s">
        <v>43</v>
      </c>
      <c r="K132" s="114"/>
      <c r="L132" s="109"/>
      <c r="M132" s="109" t="s">
        <v>11</v>
      </c>
      <c r="N132" s="114" t="s">
        <v>44</v>
      </c>
      <c r="O132" s="109"/>
      <c r="P132" s="109"/>
      <c r="Q132" s="109" t="s">
        <v>11</v>
      </c>
      <c r="R132" s="114" t="s">
        <v>45</v>
      </c>
      <c r="S132" s="101"/>
      <c r="T132" s="114"/>
      <c r="U132" s="109" t="s">
        <v>11</v>
      </c>
      <c r="V132" s="114" t="s">
        <v>46</v>
      </c>
      <c r="W132" s="133"/>
      <c r="X132" s="134"/>
      <c r="Y132" s="135"/>
      <c r="Z132" s="135"/>
      <c r="AA132" s="135"/>
      <c r="AB132" s="136"/>
      <c r="AC132" s="141"/>
      <c r="AD132" s="135"/>
      <c r="AE132" s="135"/>
      <c r="AF132" s="136"/>
    </row>
    <row r="133" spans="1:32" ht="18.75" customHeight="1" x14ac:dyDescent="0.15">
      <c r="A133" s="127"/>
      <c r="B133" s="128"/>
      <c r="C133" s="129"/>
      <c r="D133" s="101"/>
      <c r="E133" s="116"/>
      <c r="F133" s="131"/>
      <c r="G133" s="132"/>
      <c r="H133" s="395"/>
      <c r="I133" s="113" t="s">
        <v>11</v>
      </c>
      <c r="J133" s="114" t="s">
        <v>47</v>
      </c>
      <c r="K133" s="114"/>
      <c r="L133" s="109"/>
      <c r="M133" s="109" t="s">
        <v>11</v>
      </c>
      <c r="N133" s="114" t="s">
        <v>48</v>
      </c>
      <c r="O133" s="109"/>
      <c r="P133" s="109"/>
      <c r="Q133" s="109" t="s">
        <v>11</v>
      </c>
      <c r="R133" s="114" t="s">
        <v>49</v>
      </c>
      <c r="S133" s="101"/>
      <c r="T133" s="114"/>
      <c r="U133" s="109" t="s">
        <v>11</v>
      </c>
      <c r="V133" s="114" t="s">
        <v>50</v>
      </c>
      <c r="W133" s="133"/>
      <c r="X133" s="134"/>
      <c r="Y133" s="135"/>
      <c r="Z133" s="135"/>
      <c r="AA133" s="135"/>
      <c r="AB133" s="136"/>
      <c r="AC133" s="141"/>
      <c r="AD133" s="135"/>
      <c r="AE133" s="135"/>
      <c r="AF133" s="136"/>
    </row>
    <row r="134" spans="1:32" ht="18.75" customHeight="1" x14ac:dyDescent="0.15">
      <c r="A134" s="127"/>
      <c r="B134" s="128"/>
      <c r="C134" s="129"/>
      <c r="D134" s="130"/>
      <c r="E134" s="116"/>
      <c r="F134" s="131"/>
      <c r="G134" s="132"/>
      <c r="H134" s="395"/>
      <c r="I134" s="113" t="s">
        <v>11</v>
      </c>
      <c r="J134" s="114" t="s">
        <v>51</v>
      </c>
      <c r="K134" s="114"/>
      <c r="L134" s="109"/>
      <c r="M134" s="109" t="s">
        <v>11</v>
      </c>
      <c r="N134" s="114" t="s">
        <v>52</v>
      </c>
      <c r="O134" s="109"/>
      <c r="P134" s="109"/>
      <c r="Q134" s="109" t="s">
        <v>11</v>
      </c>
      <c r="R134" s="114" t="s">
        <v>53</v>
      </c>
      <c r="S134" s="101"/>
      <c r="T134" s="114"/>
      <c r="U134" s="109" t="s">
        <v>11</v>
      </c>
      <c r="V134" s="114" t="s">
        <v>54</v>
      </c>
      <c r="W134" s="133"/>
      <c r="X134" s="134"/>
      <c r="Y134" s="135"/>
      <c r="Z134" s="135"/>
      <c r="AA134" s="135"/>
      <c r="AB134" s="136"/>
      <c r="AC134" s="141"/>
      <c r="AD134" s="135"/>
      <c r="AE134" s="135"/>
      <c r="AF134" s="136"/>
    </row>
    <row r="135" spans="1:32" ht="18.75" customHeight="1" x14ac:dyDescent="0.15">
      <c r="A135" s="171"/>
      <c r="B135" s="172"/>
      <c r="C135" s="173"/>
      <c r="D135" s="174"/>
      <c r="E135" s="175"/>
      <c r="F135" s="176"/>
      <c r="G135" s="177"/>
      <c r="H135" s="459"/>
      <c r="I135" s="178" t="s">
        <v>11</v>
      </c>
      <c r="J135" s="179" t="s">
        <v>55</v>
      </c>
      <c r="K135" s="179"/>
      <c r="L135" s="180"/>
      <c r="M135" s="180"/>
      <c r="N135" s="179"/>
      <c r="O135" s="180"/>
      <c r="P135" s="180"/>
      <c r="Q135" s="180"/>
      <c r="R135" s="179"/>
      <c r="S135" s="181"/>
      <c r="T135" s="179"/>
      <c r="U135" s="180"/>
      <c r="V135" s="179"/>
      <c r="W135" s="182"/>
      <c r="X135" s="183"/>
      <c r="Y135" s="184"/>
      <c r="Z135" s="184"/>
      <c r="AA135" s="184"/>
      <c r="AB135" s="185"/>
      <c r="AC135" s="186"/>
      <c r="AD135" s="184"/>
      <c r="AE135" s="184"/>
      <c r="AF135" s="185"/>
    </row>
    <row r="136" spans="1:32" ht="18.75" customHeight="1" x14ac:dyDescent="0.15">
      <c r="A136" s="117"/>
      <c r="B136" s="118"/>
      <c r="C136" s="216"/>
      <c r="D136" s="121"/>
      <c r="E136" s="112"/>
      <c r="F136" s="229"/>
      <c r="G136" s="125"/>
      <c r="H136" s="317" t="s">
        <v>104</v>
      </c>
      <c r="I136" s="187" t="s">
        <v>11</v>
      </c>
      <c r="J136" s="188" t="s">
        <v>93</v>
      </c>
      <c r="K136" s="189"/>
      <c r="L136" s="190"/>
      <c r="M136" s="191" t="s">
        <v>11</v>
      </c>
      <c r="N136" s="188" t="s">
        <v>94</v>
      </c>
      <c r="O136" s="192"/>
      <c r="P136" s="192"/>
      <c r="Q136" s="192"/>
      <c r="R136" s="192"/>
      <c r="S136" s="192"/>
      <c r="T136" s="192"/>
      <c r="U136" s="192"/>
      <c r="V136" s="192"/>
      <c r="W136" s="192"/>
      <c r="X136" s="193"/>
      <c r="Y136" s="194" t="s">
        <v>11</v>
      </c>
      <c r="Z136" s="110" t="s">
        <v>20</v>
      </c>
      <c r="AA136" s="110"/>
      <c r="AB136" s="126"/>
      <c r="AC136" s="194" t="s">
        <v>11</v>
      </c>
      <c r="AD136" s="110" t="s">
        <v>20</v>
      </c>
      <c r="AE136" s="110"/>
      <c r="AF136" s="126"/>
    </row>
    <row r="137" spans="1:32" ht="18.75" customHeight="1" x14ac:dyDescent="0.15">
      <c r="A137" s="127"/>
      <c r="B137" s="128"/>
      <c r="C137" s="219"/>
      <c r="D137" s="131"/>
      <c r="E137" s="116"/>
      <c r="F137" s="230"/>
      <c r="G137" s="238"/>
      <c r="H137" s="226" t="s">
        <v>66</v>
      </c>
      <c r="I137" s="143" t="s">
        <v>11</v>
      </c>
      <c r="J137" s="144" t="s">
        <v>25</v>
      </c>
      <c r="K137" s="144"/>
      <c r="L137" s="146"/>
      <c r="M137" s="147" t="s">
        <v>11</v>
      </c>
      <c r="N137" s="144" t="s">
        <v>319</v>
      </c>
      <c r="O137" s="144"/>
      <c r="P137" s="146"/>
      <c r="Q137" s="145"/>
      <c r="R137" s="145"/>
      <c r="S137" s="145"/>
      <c r="T137" s="145"/>
      <c r="U137" s="145"/>
      <c r="V137" s="145"/>
      <c r="W137" s="145"/>
      <c r="X137" s="152"/>
      <c r="Y137" s="113" t="s">
        <v>11</v>
      </c>
      <c r="Z137" s="114" t="s">
        <v>21</v>
      </c>
      <c r="AA137" s="135"/>
      <c r="AB137" s="136"/>
      <c r="AC137" s="113" t="s">
        <v>11</v>
      </c>
      <c r="AD137" s="114" t="s">
        <v>21</v>
      </c>
      <c r="AE137" s="135"/>
      <c r="AF137" s="136"/>
    </row>
    <row r="138" spans="1:32" ht="18.75" customHeight="1" x14ac:dyDescent="0.15">
      <c r="A138" s="127"/>
      <c r="B138" s="128"/>
      <c r="C138" s="219"/>
      <c r="D138" s="131"/>
      <c r="E138" s="116"/>
      <c r="F138" s="230"/>
      <c r="G138" s="238"/>
      <c r="H138" s="197" t="s">
        <v>108</v>
      </c>
      <c r="I138" s="143" t="s">
        <v>11</v>
      </c>
      <c r="J138" s="144" t="s">
        <v>23</v>
      </c>
      <c r="K138" s="145"/>
      <c r="L138" s="146"/>
      <c r="M138" s="147" t="s">
        <v>11</v>
      </c>
      <c r="N138" s="144" t="s">
        <v>109</v>
      </c>
      <c r="O138" s="148"/>
      <c r="P138" s="148"/>
      <c r="Q138" s="145"/>
      <c r="R138" s="145"/>
      <c r="S138" s="145"/>
      <c r="T138" s="145"/>
      <c r="U138" s="145"/>
      <c r="V138" s="145"/>
      <c r="W138" s="145"/>
      <c r="X138" s="152"/>
      <c r="Y138" s="141"/>
      <c r="Z138" s="135"/>
      <c r="AA138" s="135"/>
      <c r="AB138" s="136"/>
      <c r="AC138" s="141"/>
      <c r="AD138" s="135"/>
      <c r="AE138" s="135"/>
      <c r="AF138" s="136"/>
    </row>
    <row r="139" spans="1:32" ht="19.5" customHeight="1" x14ac:dyDescent="0.15">
      <c r="A139" s="127"/>
      <c r="B139" s="128"/>
      <c r="C139" s="129"/>
      <c r="D139" s="130"/>
      <c r="E139" s="116"/>
      <c r="F139" s="131"/>
      <c r="G139" s="132"/>
      <c r="H139" s="142" t="s">
        <v>22</v>
      </c>
      <c r="I139" s="143" t="s">
        <v>11</v>
      </c>
      <c r="J139" s="144" t="s">
        <v>23</v>
      </c>
      <c r="K139" s="145"/>
      <c r="L139" s="146"/>
      <c r="M139" s="147" t="s">
        <v>11</v>
      </c>
      <c r="N139" s="144" t="s">
        <v>24</v>
      </c>
      <c r="O139" s="147"/>
      <c r="P139" s="144"/>
      <c r="Q139" s="148"/>
      <c r="R139" s="148"/>
      <c r="S139" s="148"/>
      <c r="T139" s="148"/>
      <c r="U139" s="148"/>
      <c r="V139" s="148"/>
      <c r="W139" s="148"/>
      <c r="X139" s="149"/>
      <c r="Y139" s="135"/>
      <c r="Z139" s="135"/>
      <c r="AA139" s="135"/>
      <c r="AB139" s="136"/>
      <c r="AC139" s="141"/>
      <c r="AD139" s="135"/>
      <c r="AE139" s="135"/>
      <c r="AF139" s="136"/>
    </row>
    <row r="140" spans="1:32" ht="19.5" customHeight="1" x14ac:dyDescent="0.15">
      <c r="A140" s="127"/>
      <c r="B140" s="128"/>
      <c r="C140" s="129"/>
      <c r="D140" s="130"/>
      <c r="E140" s="116"/>
      <c r="F140" s="131"/>
      <c r="G140" s="132"/>
      <c r="H140" s="142" t="s">
        <v>69</v>
      </c>
      <c r="I140" s="143" t="s">
        <v>11</v>
      </c>
      <c r="J140" s="144" t="s">
        <v>23</v>
      </c>
      <c r="K140" s="145"/>
      <c r="L140" s="146"/>
      <c r="M140" s="147" t="s">
        <v>11</v>
      </c>
      <c r="N140" s="144" t="s">
        <v>24</v>
      </c>
      <c r="O140" s="147"/>
      <c r="P140" s="144"/>
      <c r="Q140" s="148"/>
      <c r="R140" s="148"/>
      <c r="S140" s="148"/>
      <c r="T140" s="148"/>
      <c r="U140" s="148"/>
      <c r="V140" s="148"/>
      <c r="W140" s="148"/>
      <c r="X140" s="149"/>
      <c r="Y140" s="135"/>
      <c r="Z140" s="135"/>
      <c r="AA140" s="135"/>
      <c r="AB140" s="136"/>
      <c r="AC140" s="141"/>
      <c r="AD140" s="135"/>
      <c r="AE140" s="135"/>
      <c r="AF140" s="136"/>
    </row>
    <row r="141" spans="1:32" ht="18.75" customHeight="1" x14ac:dyDescent="0.15">
      <c r="A141" s="127"/>
      <c r="B141" s="128"/>
      <c r="C141" s="219"/>
      <c r="D141" s="131"/>
      <c r="E141" s="116"/>
      <c r="F141" s="230"/>
      <c r="G141" s="238"/>
      <c r="H141" s="470" t="s">
        <v>320</v>
      </c>
      <c r="I141" s="397" t="s">
        <v>11</v>
      </c>
      <c r="J141" s="421" t="s">
        <v>25</v>
      </c>
      <c r="K141" s="421"/>
      <c r="L141" s="397" t="s">
        <v>11</v>
      </c>
      <c r="M141" s="421" t="s">
        <v>29</v>
      </c>
      <c r="N141" s="421"/>
      <c r="O141" s="153"/>
      <c r="P141" s="153"/>
      <c r="Q141" s="153"/>
      <c r="R141" s="153"/>
      <c r="S141" s="153"/>
      <c r="T141" s="153"/>
      <c r="U141" s="153"/>
      <c r="V141" s="153"/>
      <c r="W141" s="153"/>
      <c r="X141" s="157"/>
      <c r="Y141" s="141"/>
      <c r="Z141" s="135"/>
      <c r="AA141" s="135"/>
      <c r="AB141" s="136"/>
      <c r="AC141" s="141"/>
      <c r="AD141" s="135"/>
      <c r="AE141" s="135"/>
      <c r="AF141" s="136"/>
    </row>
    <row r="142" spans="1:32" ht="18.75" customHeight="1" x14ac:dyDescent="0.15">
      <c r="A142" s="127"/>
      <c r="B142" s="128"/>
      <c r="C142" s="219"/>
      <c r="D142" s="131"/>
      <c r="E142" s="116"/>
      <c r="F142" s="230"/>
      <c r="G142" s="238"/>
      <c r="H142" s="470"/>
      <c r="I142" s="397"/>
      <c r="J142" s="421"/>
      <c r="K142" s="421"/>
      <c r="L142" s="397"/>
      <c r="M142" s="421"/>
      <c r="N142" s="421"/>
      <c r="O142" s="155"/>
      <c r="P142" s="155"/>
      <c r="Q142" s="155"/>
      <c r="R142" s="155"/>
      <c r="S142" s="155"/>
      <c r="T142" s="155"/>
      <c r="U142" s="155"/>
      <c r="V142" s="155"/>
      <c r="W142" s="155"/>
      <c r="X142" s="156"/>
      <c r="Y142" s="141"/>
      <c r="Z142" s="135"/>
      <c r="AA142" s="135"/>
      <c r="AB142" s="136"/>
      <c r="AC142" s="141"/>
      <c r="AD142" s="135"/>
      <c r="AE142" s="135"/>
      <c r="AF142" s="136"/>
    </row>
    <row r="143" spans="1:32" ht="18.75" customHeight="1" x14ac:dyDescent="0.15">
      <c r="A143" s="127"/>
      <c r="B143" s="128"/>
      <c r="C143" s="219"/>
      <c r="D143" s="131"/>
      <c r="E143" s="116"/>
      <c r="F143" s="230"/>
      <c r="G143" s="238"/>
      <c r="H143" s="226" t="s">
        <v>321</v>
      </c>
      <c r="I143" s="164" t="s">
        <v>11</v>
      </c>
      <c r="J143" s="144" t="s">
        <v>25</v>
      </c>
      <c r="K143" s="144"/>
      <c r="L143" s="147" t="s">
        <v>11</v>
      </c>
      <c r="M143" s="144" t="s">
        <v>26</v>
      </c>
      <c r="N143" s="144"/>
      <c r="O143" s="168" t="s">
        <v>11</v>
      </c>
      <c r="P143" s="144" t="s">
        <v>27</v>
      </c>
      <c r="Q143" s="200"/>
      <c r="R143" s="200"/>
      <c r="S143" s="200"/>
      <c r="T143" s="200"/>
      <c r="U143" s="200"/>
      <c r="V143" s="200"/>
      <c r="W143" s="200"/>
      <c r="X143" s="201"/>
      <c r="Y143" s="141"/>
      <c r="Z143" s="135"/>
      <c r="AA143" s="135"/>
      <c r="AB143" s="136"/>
      <c r="AC143" s="141"/>
      <c r="AD143" s="135"/>
      <c r="AE143" s="135"/>
      <c r="AF143" s="136"/>
    </row>
    <row r="144" spans="1:32" ht="18.75" customHeight="1" x14ac:dyDescent="0.15">
      <c r="A144" s="127"/>
      <c r="B144" s="128"/>
      <c r="C144" s="219"/>
      <c r="D144" s="131"/>
      <c r="E144" s="116"/>
      <c r="F144" s="230"/>
      <c r="G144" s="238"/>
      <c r="H144" s="226" t="s">
        <v>234</v>
      </c>
      <c r="I144" s="143" t="s">
        <v>11</v>
      </c>
      <c r="J144" s="144" t="s">
        <v>25</v>
      </c>
      <c r="K144" s="145"/>
      <c r="L144" s="147" t="s">
        <v>11</v>
      </c>
      <c r="M144" s="144" t="s">
        <v>29</v>
      </c>
      <c r="N144" s="200"/>
      <c r="O144" s="200"/>
      <c r="P144" s="200"/>
      <c r="Q144" s="200"/>
      <c r="R144" s="200"/>
      <c r="S144" s="200"/>
      <c r="T144" s="200"/>
      <c r="U144" s="200"/>
      <c r="V144" s="200"/>
      <c r="W144" s="200"/>
      <c r="X144" s="201"/>
      <c r="Y144" s="141"/>
      <c r="Z144" s="135"/>
      <c r="AA144" s="135"/>
      <c r="AB144" s="136"/>
      <c r="AC144" s="141"/>
      <c r="AD144" s="135"/>
      <c r="AE144" s="135"/>
      <c r="AF144" s="136"/>
    </row>
    <row r="145" spans="1:32" ht="18.75" customHeight="1" x14ac:dyDescent="0.15">
      <c r="A145" s="127"/>
      <c r="B145" s="128"/>
      <c r="C145" s="219"/>
      <c r="D145" s="131"/>
      <c r="E145" s="116"/>
      <c r="F145" s="230"/>
      <c r="G145" s="238"/>
      <c r="H145" s="197" t="s">
        <v>322</v>
      </c>
      <c r="I145" s="143" t="s">
        <v>11</v>
      </c>
      <c r="J145" s="144" t="s">
        <v>58</v>
      </c>
      <c r="K145" s="145"/>
      <c r="L145" s="146"/>
      <c r="M145" s="147" t="s">
        <v>11</v>
      </c>
      <c r="N145" s="144" t="s">
        <v>59</v>
      </c>
      <c r="O145" s="148"/>
      <c r="P145" s="148"/>
      <c r="Q145" s="148"/>
      <c r="R145" s="148"/>
      <c r="S145" s="148"/>
      <c r="T145" s="148"/>
      <c r="U145" s="148"/>
      <c r="V145" s="148"/>
      <c r="W145" s="148"/>
      <c r="X145" s="149"/>
      <c r="Y145" s="141"/>
      <c r="Z145" s="135"/>
      <c r="AA145" s="135"/>
      <c r="AB145" s="136"/>
      <c r="AC145" s="141"/>
      <c r="AD145" s="135"/>
      <c r="AE145" s="135"/>
      <c r="AF145" s="136"/>
    </row>
    <row r="146" spans="1:32" ht="18.75" customHeight="1" x14ac:dyDescent="0.15">
      <c r="A146" s="127"/>
      <c r="B146" s="128"/>
      <c r="C146" s="219"/>
      <c r="D146" s="131"/>
      <c r="E146" s="116"/>
      <c r="F146" s="230"/>
      <c r="G146" s="238"/>
      <c r="H146" s="226" t="s">
        <v>115</v>
      </c>
      <c r="I146" s="143" t="s">
        <v>11</v>
      </c>
      <c r="J146" s="144" t="s">
        <v>25</v>
      </c>
      <c r="K146" s="145"/>
      <c r="L146" s="147" t="s">
        <v>11</v>
      </c>
      <c r="M146" s="144" t="s">
        <v>29</v>
      </c>
      <c r="N146" s="200"/>
      <c r="O146" s="200"/>
      <c r="P146" s="200"/>
      <c r="Q146" s="200"/>
      <c r="R146" s="200"/>
      <c r="S146" s="200"/>
      <c r="T146" s="200"/>
      <c r="U146" s="200"/>
      <c r="V146" s="200"/>
      <c r="W146" s="200"/>
      <c r="X146" s="201"/>
      <c r="Y146" s="141"/>
      <c r="Z146" s="135"/>
      <c r="AA146" s="135"/>
      <c r="AB146" s="136"/>
      <c r="AC146" s="141"/>
      <c r="AD146" s="135"/>
      <c r="AE146" s="135"/>
      <c r="AF146" s="136"/>
    </row>
    <row r="147" spans="1:32" ht="18.75" customHeight="1" x14ac:dyDescent="0.15">
      <c r="A147" s="127"/>
      <c r="B147" s="128"/>
      <c r="C147" s="219"/>
      <c r="D147" s="131"/>
      <c r="E147" s="116"/>
      <c r="F147" s="230"/>
      <c r="G147" s="238"/>
      <c r="H147" s="226" t="s">
        <v>323</v>
      </c>
      <c r="I147" s="164" t="s">
        <v>11</v>
      </c>
      <c r="J147" s="144" t="s">
        <v>25</v>
      </c>
      <c r="K147" s="144"/>
      <c r="L147" s="147" t="s">
        <v>11</v>
      </c>
      <c r="M147" s="144" t="s">
        <v>503</v>
      </c>
      <c r="N147" s="144"/>
      <c r="O147" s="168"/>
      <c r="P147" s="168" t="s">
        <v>11</v>
      </c>
      <c r="Q147" s="144" t="s">
        <v>79</v>
      </c>
      <c r="R147" s="168"/>
      <c r="S147" s="144"/>
      <c r="T147" s="168" t="s">
        <v>11</v>
      </c>
      <c r="U147" s="144" t="s">
        <v>504</v>
      </c>
      <c r="V147" s="200"/>
      <c r="W147" s="200"/>
      <c r="X147" s="201"/>
      <c r="Y147" s="141"/>
      <c r="Z147" s="135"/>
      <c r="AA147" s="135"/>
      <c r="AB147" s="136"/>
      <c r="AC147" s="141"/>
      <c r="AD147" s="135"/>
      <c r="AE147" s="135"/>
      <c r="AF147" s="136"/>
    </row>
    <row r="148" spans="1:32" ht="18.75" customHeight="1" x14ac:dyDescent="0.15">
      <c r="A148" s="127"/>
      <c r="B148" s="128"/>
      <c r="C148" s="219"/>
      <c r="D148" s="113"/>
      <c r="E148" s="116"/>
      <c r="F148" s="230"/>
      <c r="G148" s="238"/>
      <c r="H148" s="226" t="s">
        <v>324</v>
      </c>
      <c r="I148" s="164" t="s">
        <v>11</v>
      </c>
      <c r="J148" s="144" t="s">
        <v>25</v>
      </c>
      <c r="K148" s="144"/>
      <c r="L148" s="147" t="s">
        <v>11</v>
      </c>
      <c r="M148" s="155" t="s">
        <v>29</v>
      </c>
      <c r="N148" s="144"/>
      <c r="O148" s="168"/>
      <c r="P148" s="168"/>
      <c r="Q148" s="168"/>
      <c r="R148" s="168"/>
      <c r="S148" s="168"/>
      <c r="T148" s="168"/>
      <c r="U148" s="168"/>
      <c r="V148" s="168"/>
      <c r="W148" s="168"/>
      <c r="X148" s="201"/>
      <c r="Y148" s="141"/>
      <c r="Z148" s="135"/>
      <c r="AA148" s="135"/>
      <c r="AB148" s="136"/>
      <c r="AC148" s="141"/>
      <c r="AD148" s="135"/>
      <c r="AE148" s="135"/>
      <c r="AF148" s="136"/>
    </row>
    <row r="149" spans="1:32" ht="18.75" customHeight="1" x14ac:dyDescent="0.15">
      <c r="A149" s="127"/>
      <c r="B149" s="128"/>
      <c r="C149" s="219"/>
      <c r="D149" s="131"/>
      <c r="E149" s="116"/>
      <c r="F149" s="230"/>
      <c r="G149" s="238"/>
      <c r="H149" s="226" t="s">
        <v>36</v>
      </c>
      <c r="I149" s="143" t="s">
        <v>11</v>
      </c>
      <c r="J149" s="144" t="s">
        <v>25</v>
      </c>
      <c r="K149" s="144"/>
      <c r="L149" s="147" t="s">
        <v>11</v>
      </c>
      <c r="M149" s="144" t="s">
        <v>26</v>
      </c>
      <c r="N149" s="144"/>
      <c r="O149" s="147" t="s">
        <v>11</v>
      </c>
      <c r="P149" s="144" t="s">
        <v>27</v>
      </c>
      <c r="Q149" s="200"/>
      <c r="R149" s="200"/>
      <c r="S149" s="200"/>
      <c r="T149" s="200"/>
      <c r="U149" s="200"/>
      <c r="V149" s="200"/>
      <c r="W149" s="200"/>
      <c r="X149" s="201"/>
      <c r="Y149" s="141"/>
      <c r="Z149" s="135"/>
      <c r="AA149" s="135"/>
      <c r="AB149" s="136"/>
      <c r="AC149" s="141"/>
      <c r="AD149" s="135"/>
      <c r="AE149" s="135"/>
      <c r="AF149" s="136"/>
    </row>
    <row r="150" spans="1:32" ht="18.75" customHeight="1" x14ac:dyDescent="0.15">
      <c r="A150" s="113" t="s">
        <v>11</v>
      </c>
      <c r="B150" s="128">
        <v>32</v>
      </c>
      <c r="C150" s="219" t="s">
        <v>325</v>
      </c>
      <c r="D150" s="113" t="s">
        <v>11</v>
      </c>
      <c r="E150" s="116" t="s">
        <v>107</v>
      </c>
      <c r="F150" s="230"/>
      <c r="G150" s="238"/>
      <c r="H150" s="224" t="s">
        <v>144</v>
      </c>
      <c r="I150" s="143" t="s">
        <v>11</v>
      </c>
      <c r="J150" s="144" t="s">
        <v>25</v>
      </c>
      <c r="K150" s="144"/>
      <c r="L150" s="147" t="s">
        <v>11</v>
      </c>
      <c r="M150" s="144" t="s">
        <v>26</v>
      </c>
      <c r="N150" s="144"/>
      <c r="O150" s="147" t="s">
        <v>11</v>
      </c>
      <c r="P150" s="144" t="s">
        <v>27</v>
      </c>
      <c r="Q150" s="145"/>
      <c r="R150" s="145"/>
      <c r="S150" s="145"/>
      <c r="T150" s="145"/>
      <c r="U150" s="145"/>
      <c r="V150" s="145"/>
      <c r="W150" s="145"/>
      <c r="X150" s="152"/>
      <c r="Y150" s="141"/>
      <c r="Z150" s="135"/>
      <c r="AA150" s="135"/>
      <c r="AB150" s="136"/>
      <c r="AC150" s="141"/>
      <c r="AD150" s="135"/>
      <c r="AE150" s="135"/>
      <c r="AF150" s="136"/>
    </row>
    <row r="151" spans="1:32" ht="18.75" customHeight="1" x14ac:dyDescent="0.15">
      <c r="A151" s="127"/>
      <c r="B151" s="128"/>
      <c r="C151" s="219" t="s">
        <v>326</v>
      </c>
      <c r="D151" s="113" t="s">
        <v>11</v>
      </c>
      <c r="E151" s="116" t="s">
        <v>106</v>
      </c>
      <c r="F151" s="230"/>
      <c r="G151" s="238"/>
      <c r="H151" s="150" t="s">
        <v>84</v>
      </c>
      <c r="I151" s="143" t="s">
        <v>11</v>
      </c>
      <c r="J151" s="144" t="s">
        <v>25</v>
      </c>
      <c r="K151" s="145"/>
      <c r="L151" s="147" t="s">
        <v>11</v>
      </c>
      <c r="M151" s="144" t="s">
        <v>29</v>
      </c>
      <c r="N151" s="200"/>
      <c r="O151" s="200"/>
      <c r="P151" s="200"/>
      <c r="Q151" s="200"/>
      <c r="R151" s="200"/>
      <c r="S151" s="200"/>
      <c r="T151" s="200"/>
      <c r="U151" s="200"/>
      <c r="V151" s="200"/>
      <c r="W151" s="200"/>
      <c r="X151" s="201"/>
      <c r="Y151" s="141"/>
      <c r="Z151" s="135"/>
      <c r="AA151" s="135"/>
      <c r="AB151" s="136"/>
      <c r="AC151" s="141"/>
      <c r="AD151" s="135"/>
      <c r="AE151" s="135"/>
      <c r="AF151" s="136"/>
    </row>
    <row r="152" spans="1:32" ht="18.75" customHeight="1" x14ac:dyDescent="0.15">
      <c r="A152" s="127"/>
      <c r="B152" s="128"/>
      <c r="C152" s="232"/>
      <c r="D152" s="113" t="s">
        <v>11</v>
      </c>
      <c r="E152" s="116" t="s">
        <v>327</v>
      </c>
      <c r="F152" s="131"/>
      <c r="G152" s="116"/>
      <c r="H152" s="212" t="s">
        <v>116</v>
      </c>
      <c r="I152" s="137" t="s">
        <v>11</v>
      </c>
      <c r="J152" s="155" t="s">
        <v>25</v>
      </c>
      <c r="K152" s="155"/>
      <c r="L152" s="196" t="s">
        <v>11</v>
      </c>
      <c r="M152" s="155" t="s">
        <v>29</v>
      </c>
      <c r="N152" s="155"/>
      <c r="O152" s="155"/>
      <c r="P152" s="155"/>
      <c r="Q152" s="160"/>
      <c r="R152" s="160"/>
      <c r="S152" s="160"/>
      <c r="T152" s="160"/>
      <c r="U152" s="160"/>
      <c r="V152" s="160"/>
      <c r="W152" s="160"/>
      <c r="X152" s="161"/>
      <c r="Y152" s="141"/>
      <c r="Z152" s="135"/>
      <c r="AA152" s="135"/>
      <c r="AB152" s="136"/>
      <c r="AC152" s="141"/>
      <c r="AD152" s="135"/>
      <c r="AE152" s="135"/>
      <c r="AF152" s="136"/>
    </row>
    <row r="153" spans="1:32" ht="18.75" customHeight="1" x14ac:dyDescent="0.15">
      <c r="A153" s="127"/>
      <c r="B153" s="128"/>
      <c r="C153" s="232"/>
      <c r="D153" s="113" t="s">
        <v>11</v>
      </c>
      <c r="E153" s="116" t="s">
        <v>328</v>
      </c>
      <c r="F153" s="131"/>
      <c r="G153" s="116"/>
      <c r="H153" s="224" t="s">
        <v>117</v>
      </c>
      <c r="I153" s="143" t="s">
        <v>11</v>
      </c>
      <c r="J153" s="144" t="s">
        <v>25</v>
      </c>
      <c r="K153" s="144"/>
      <c r="L153" s="147" t="s">
        <v>11</v>
      </c>
      <c r="M153" s="155" t="s">
        <v>29</v>
      </c>
      <c r="N153" s="144"/>
      <c r="O153" s="144"/>
      <c r="P153" s="144"/>
      <c r="Q153" s="145"/>
      <c r="R153" s="145"/>
      <c r="S153" s="145"/>
      <c r="T153" s="145"/>
      <c r="U153" s="145"/>
      <c r="V153" s="145"/>
      <c r="W153" s="145"/>
      <c r="X153" s="152"/>
      <c r="Y153" s="141"/>
      <c r="Z153" s="135"/>
      <c r="AA153" s="135"/>
      <c r="AB153" s="136"/>
      <c r="AC153" s="141"/>
      <c r="AD153" s="135"/>
      <c r="AE153" s="135"/>
      <c r="AF153" s="136"/>
    </row>
    <row r="154" spans="1:32" ht="18.75" customHeight="1" x14ac:dyDescent="0.15">
      <c r="A154" s="127"/>
      <c r="B154" s="128"/>
      <c r="C154" s="219"/>
      <c r="D154" s="131"/>
      <c r="E154" s="116"/>
      <c r="F154" s="230"/>
      <c r="G154" s="238"/>
      <c r="H154" s="228" t="s">
        <v>103</v>
      </c>
      <c r="I154" s="143" t="s">
        <v>11</v>
      </c>
      <c r="J154" s="144" t="s">
        <v>25</v>
      </c>
      <c r="K154" s="144"/>
      <c r="L154" s="147" t="s">
        <v>11</v>
      </c>
      <c r="M154" s="144" t="s">
        <v>26</v>
      </c>
      <c r="N154" s="144"/>
      <c r="O154" s="147" t="s">
        <v>11</v>
      </c>
      <c r="P154" s="144" t="s">
        <v>27</v>
      </c>
      <c r="Q154" s="148"/>
      <c r="R154" s="148"/>
      <c r="S154" s="148"/>
      <c r="T154" s="148"/>
      <c r="U154" s="169"/>
      <c r="V154" s="169"/>
      <c r="W154" s="169"/>
      <c r="X154" s="170"/>
      <c r="Y154" s="141"/>
      <c r="Z154" s="135"/>
      <c r="AA154" s="135"/>
      <c r="AB154" s="136"/>
      <c r="AC154" s="141"/>
      <c r="AD154" s="135"/>
      <c r="AE154" s="135"/>
      <c r="AF154" s="136"/>
    </row>
    <row r="155" spans="1:32" ht="18.75" customHeight="1" x14ac:dyDescent="0.15">
      <c r="A155" s="127"/>
      <c r="B155" s="128"/>
      <c r="C155" s="219"/>
      <c r="D155" s="131"/>
      <c r="E155" s="116"/>
      <c r="F155" s="230"/>
      <c r="G155" s="238"/>
      <c r="H155" s="226" t="s">
        <v>85</v>
      </c>
      <c r="I155" s="143" t="s">
        <v>11</v>
      </c>
      <c r="J155" s="144" t="s">
        <v>25</v>
      </c>
      <c r="K155" s="144"/>
      <c r="L155" s="147" t="s">
        <v>11</v>
      </c>
      <c r="M155" s="144" t="s">
        <v>86</v>
      </c>
      <c r="N155" s="144"/>
      <c r="O155" s="147" t="s">
        <v>11</v>
      </c>
      <c r="P155" s="144" t="s">
        <v>87</v>
      </c>
      <c r="Q155" s="200"/>
      <c r="R155" s="147" t="s">
        <v>11</v>
      </c>
      <c r="S155" s="144" t="s">
        <v>88</v>
      </c>
      <c r="T155" s="200"/>
      <c r="U155" s="200"/>
      <c r="V155" s="200"/>
      <c r="W155" s="200"/>
      <c r="X155" s="201"/>
      <c r="Y155" s="141"/>
      <c r="Z155" s="135"/>
      <c r="AA155" s="135"/>
      <c r="AB155" s="136"/>
      <c r="AC155" s="141"/>
      <c r="AD155" s="135"/>
      <c r="AE155" s="135"/>
      <c r="AF155" s="136"/>
    </row>
    <row r="156" spans="1:32" ht="18.75" customHeight="1" x14ac:dyDescent="0.15">
      <c r="A156" s="127"/>
      <c r="B156" s="128"/>
      <c r="C156" s="129"/>
      <c r="D156" s="130"/>
      <c r="E156" s="116"/>
      <c r="F156" s="131"/>
      <c r="G156" s="132"/>
      <c r="H156" s="395" t="s">
        <v>37</v>
      </c>
      <c r="I156" s="164" t="s">
        <v>11</v>
      </c>
      <c r="J156" s="153" t="s">
        <v>25</v>
      </c>
      <c r="K156" s="153"/>
      <c r="L156" s="165"/>
      <c r="M156" s="166"/>
      <c r="N156" s="166"/>
      <c r="O156" s="165"/>
      <c r="P156" s="166"/>
      <c r="Q156" s="167"/>
      <c r="R156" s="165"/>
      <c r="S156" s="166"/>
      <c r="T156" s="167"/>
      <c r="U156" s="168" t="s">
        <v>11</v>
      </c>
      <c r="V156" s="153" t="s">
        <v>38</v>
      </c>
      <c r="W156" s="169"/>
      <c r="X156" s="170"/>
      <c r="Y156" s="244"/>
      <c r="Z156" s="244"/>
      <c r="AA156" s="244"/>
      <c r="AB156" s="136"/>
      <c r="AC156" s="141"/>
      <c r="AD156" s="244"/>
      <c r="AE156" s="244"/>
      <c r="AF156" s="136"/>
    </row>
    <row r="157" spans="1:32" ht="18.75" customHeight="1" x14ac:dyDescent="0.15">
      <c r="A157" s="127"/>
      <c r="B157" s="128"/>
      <c r="C157" s="129"/>
      <c r="D157" s="130"/>
      <c r="E157" s="116"/>
      <c r="F157" s="131"/>
      <c r="G157" s="132"/>
      <c r="H157" s="395"/>
      <c r="I157" s="113" t="s">
        <v>11</v>
      </c>
      <c r="J157" s="243" t="s">
        <v>39</v>
      </c>
      <c r="K157" s="243"/>
      <c r="L157" s="245"/>
      <c r="M157" s="245" t="s">
        <v>11</v>
      </c>
      <c r="N157" s="243" t="s">
        <v>40</v>
      </c>
      <c r="O157" s="245"/>
      <c r="P157" s="245"/>
      <c r="Q157" s="245" t="s">
        <v>11</v>
      </c>
      <c r="R157" s="243" t="s">
        <v>41</v>
      </c>
      <c r="S157" s="246"/>
      <c r="T157" s="243"/>
      <c r="U157" s="245" t="s">
        <v>11</v>
      </c>
      <c r="V157" s="243" t="s">
        <v>42</v>
      </c>
      <c r="W157" s="247"/>
      <c r="X157" s="134"/>
      <c r="Y157" s="244"/>
      <c r="Z157" s="244"/>
      <c r="AA157" s="244"/>
      <c r="AB157" s="136"/>
      <c r="AC157" s="141"/>
      <c r="AD157" s="244"/>
      <c r="AE157" s="244"/>
      <c r="AF157" s="136"/>
    </row>
    <row r="158" spans="1:32" ht="18.75" customHeight="1" x14ac:dyDescent="0.15">
      <c r="A158" s="127"/>
      <c r="B158" s="128"/>
      <c r="C158" s="129"/>
      <c r="D158" s="130"/>
      <c r="E158" s="116"/>
      <c r="F158" s="131"/>
      <c r="G158" s="132"/>
      <c r="H158" s="395"/>
      <c r="I158" s="113" t="s">
        <v>11</v>
      </c>
      <c r="J158" s="243" t="s">
        <v>43</v>
      </c>
      <c r="K158" s="243"/>
      <c r="L158" s="245"/>
      <c r="M158" s="245" t="s">
        <v>11</v>
      </c>
      <c r="N158" s="243" t="s">
        <v>44</v>
      </c>
      <c r="O158" s="245"/>
      <c r="P158" s="245"/>
      <c r="Q158" s="245" t="s">
        <v>11</v>
      </c>
      <c r="R158" s="243" t="s">
        <v>45</v>
      </c>
      <c r="S158" s="246"/>
      <c r="T158" s="243"/>
      <c r="U158" s="245" t="s">
        <v>11</v>
      </c>
      <c r="V158" s="243" t="s">
        <v>46</v>
      </c>
      <c r="W158" s="247"/>
      <c r="X158" s="134"/>
      <c r="Y158" s="244"/>
      <c r="Z158" s="244"/>
      <c r="AA158" s="244"/>
      <c r="AB158" s="136"/>
      <c r="AC158" s="141"/>
      <c r="AD158" s="244"/>
      <c r="AE158" s="244"/>
      <c r="AF158" s="136"/>
    </row>
    <row r="159" spans="1:32" ht="18.75" customHeight="1" x14ac:dyDescent="0.15">
      <c r="A159" s="127"/>
      <c r="B159" s="128"/>
      <c r="C159" s="129"/>
      <c r="D159" s="130"/>
      <c r="E159" s="116"/>
      <c r="F159" s="131"/>
      <c r="G159" s="132"/>
      <c r="H159" s="395"/>
      <c r="I159" s="113" t="s">
        <v>11</v>
      </c>
      <c r="J159" s="243" t="s">
        <v>47</v>
      </c>
      <c r="K159" s="243"/>
      <c r="L159" s="245"/>
      <c r="M159" s="245" t="s">
        <v>11</v>
      </c>
      <c r="N159" s="243" t="s">
        <v>48</v>
      </c>
      <c r="O159" s="245"/>
      <c r="P159" s="245"/>
      <c r="Q159" s="245" t="s">
        <v>11</v>
      </c>
      <c r="R159" s="243" t="s">
        <v>49</v>
      </c>
      <c r="S159" s="246"/>
      <c r="T159" s="243"/>
      <c r="U159" s="245" t="s">
        <v>11</v>
      </c>
      <c r="V159" s="243" t="s">
        <v>50</v>
      </c>
      <c r="W159" s="247"/>
      <c r="X159" s="134"/>
      <c r="Y159" s="244"/>
      <c r="Z159" s="244"/>
      <c r="AA159" s="244"/>
      <c r="AB159" s="136"/>
      <c r="AC159" s="141"/>
      <c r="AD159" s="244"/>
      <c r="AE159" s="244"/>
      <c r="AF159" s="136"/>
    </row>
    <row r="160" spans="1:32" ht="18.75" customHeight="1" x14ac:dyDescent="0.15">
      <c r="A160" s="127"/>
      <c r="B160" s="128"/>
      <c r="C160" s="129"/>
      <c r="D160" s="130"/>
      <c r="E160" s="116"/>
      <c r="F160" s="131"/>
      <c r="G160" s="132"/>
      <c r="H160" s="395"/>
      <c r="I160" s="113" t="s">
        <v>11</v>
      </c>
      <c r="J160" s="243" t="s">
        <v>51</v>
      </c>
      <c r="K160" s="243"/>
      <c r="L160" s="245"/>
      <c r="M160" s="245" t="s">
        <v>11</v>
      </c>
      <c r="N160" s="243" t="s">
        <v>52</v>
      </c>
      <c r="O160" s="245"/>
      <c r="P160" s="245"/>
      <c r="Q160" s="245" t="s">
        <v>11</v>
      </c>
      <c r="R160" s="243" t="s">
        <v>53</v>
      </c>
      <c r="S160" s="246"/>
      <c r="T160" s="243"/>
      <c r="U160" s="245" t="s">
        <v>11</v>
      </c>
      <c r="V160" s="243" t="s">
        <v>54</v>
      </c>
      <c r="W160" s="247"/>
      <c r="X160" s="134"/>
      <c r="Y160" s="244"/>
      <c r="Z160" s="244"/>
      <c r="AA160" s="244"/>
      <c r="AB160" s="136"/>
      <c r="AC160" s="141"/>
      <c r="AD160" s="244"/>
      <c r="AE160" s="244"/>
      <c r="AF160" s="136"/>
    </row>
    <row r="161" spans="1:32" ht="18.75" customHeight="1" x14ac:dyDescent="0.15">
      <c r="A161" s="171"/>
      <c r="B161" s="172"/>
      <c r="C161" s="173"/>
      <c r="D161" s="174"/>
      <c r="E161" s="175"/>
      <c r="F161" s="176"/>
      <c r="G161" s="177"/>
      <c r="H161" s="459"/>
      <c r="I161" s="178" t="s">
        <v>11</v>
      </c>
      <c r="J161" s="179" t="s">
        <v>55</v>
      </c>
      <c r="K161" s="179"/>
      <c r="L161" s="180"/>
      <c r="M161" s="180"/>
      <c r="N161" s="179"/>
      <c r="O161" s="180"/>
      <c r="P161" s="180"/>
      <c r="Q161" s="180"/>
      <c r="R161" s="179"/>
      <c r="S161" s="181"/>
      <c r="T161" s="179"/>
      <c r="U161" s="180"/>
      <c r="V161" s="179"/>
      <c r="W161" s="182"/>
      <c r="X161" s="183"/>
      <c r="Y161" s="184"/>
      <c r="Z161" s="184"/>
      <c r="AA161" s="184"/>
      <c r="AB161" s="185"/>
      <c r="AC161" s="186"/>
      <c r="AD161" s="184"/>
      <c r="AE161" s="184"/>
      <c r="AF161" s="185"/>
    </row>
    <row r="162" spans="1:32" ht="18.75" customHeight="1" x14ac:dyDescent="0.15">
      <c r="A162" s="117"/>
      <c r="B162" s="118"/>
      <c r="C162" s="216"/>
      <c r="D162" s="121"/>
      <c r="E162" s="112"/>
      <c r="F162" s="229"/>
      <c r="G162" s="125"/>
      <c r="H162" s="317" t="s">
        <v>104</v>
      </c>
      <c r="I162" s="187" t="s">
        <v>11</v>
      </c>
      <c r="J162" s="188" t="s">
        <v>93</v>
      </c>
      <c r="K162" s="189"/>
      <c r="L162" s="190"/>
      <c r="M162" s="191" t="s">
        <v>11</v>
      </c>
      <c r="N162" s="188" t="s">
        <v>94</v>
      </c>
      <c r="O162" s="192"/>
      <c r="P162" s="192"/>
      <c r="Q162" s="192"/>
      <c r="R162" s="192"/>
      <c r="S162" s="192"/>
      <c r="T162" s="192"/>
      <c r="U162" s="192"/>
      <c r="V162" s="192"/>
      <c r="W162" s="192"/>
      <c r="X162" s="193"/>
      <c r="Y162" s="194" t="s">
        <v>11</v>
      </c>
      <c r="Z162" s="110" t="s">
        <v>20</v>
      </c>
      <c r="AA162" s="110"/>
      <c r="AB162" s="126"/>
      <c r="AC162" s="194" t="s">
        <v>11</v>
      </c>
      <c r="AD162" s="110" t="s">
        <v>20</v>
      </c>
      <c r="AE162" s="110"/>
      <c r="AF162" s="126"/>
    </row>
    <row r="163" spans="1:32" ht="18.75" customHeight="1" x14ac:dyDescent="0.15">
      <c r="A163" s="127"/>
      <c r="B163" s="128"/>
      <c r="C163" s="219"/>
      <c r="D163" s="131"/>
      <c r="E163" s="116"/>
      <c r="F163" s="230"/>
      <c r="G163" s="238"/>
      <c r="H163" s="226" t="s">
        <v>66</v>
      </c>
      <c r="I163" s="143" t="s">
        <v>11</v>
      </c>
      <c r="J163" s="144" t="s">
        <v>25</v>
      </c>
      <c r="K163" s="144"/>
      <c r="L163" s="146"/>
      <c r="M163" s="147" t="s">
        <v>11</v>
      </c>
      <c r="N163" s="144" t="s">
        <v>319</v>
      </c>
      <c r="O163" s="144"/>
      <c r="P163" s="146"/>
      <c r="Q163" s="145"/>
      <c r="R163" s="145"/>
      <c r="S163" s="145"/>
      <c r="T163" s="145"/>
      <c r="U163" s="145"/>
      <c r="V163" s="145"/>
      <c r="W163" s="145"/>
      <c r="X163" s="152"/>
      <c r="Y163" s="113" t="s">
        <v>11</v>
      </c>
      <c r="Z163" s="243" t="s">
        <v>21</v>
      </c>
      <c r="AA163" s="244"/>
      <c r="AB163" s="136"/>
      <c r="AC163" s="113" t="s">
        <v>11</v>
      </c>
      <c r="AD163" s="243" t="s">
        <v>21</v>
      </c>
      <c r="AE163" s="244"/>
      <c r="AF163" s="136"/>
    </row>
    <row r="164" spans="1:32" ht="19.5" customHeight="1" x14ac:dyDescent="0.15">
      <c r="A164" s="127"/>
      <c r="B164" s="128"/>
      <c r="C164" s="129"/>
      <c r="D164" s="130"/>
      <c r="E164" s="116"/>
      <c r="F164" s="131"/>
      <c r="G164" s="132"/>
      <c r="H164" s="142" t="s">
        <v>22</v>
      </c>
      <c r="I164" s="143" t="s">
        <v>11</v>
      </c>
      <c r="J164" s="144" t="s">
        <v>23</v>
      </c>
      <c r="K164" s="145"/>
      <c r="L164" s="146"/>
      <c r="M164" s="147" t="s">
        <v>11</v>
      </c>
      <c r="N164" s="144" t="s">
        <v>24</v>
      </c>
      <c r="O164" s="147"/>
      <c r="P164" s="144"/>
      <c r="Q164" s="148"/>
      <c r="R164" s="148"/>
      <c r="S164" s="148"/>
      <c r="T164" s="148"/>
      <c r="U164" s="148"/>
      <c r="V164" s="148"/>
      <c r="W164" s="148"/>
      <c r="X164" s="149"/>
      <c r="Y164" s="244"/>
      <c r="Z164" s="244"/>
      <c r="AA164" s="244"/>
      <c r="AB164" s="136"/>
      <c r="AC164" s="141"/>
      <c r="AD164" s="244"/>
      <c r="AE164" s="244"/>
      <c r="AF164" s="136"/>
    </row>
    <row r="165" spans="1:32" ht="19.5" customHeight="1" x14ac:dyDescent="0.15">
      <c r="A165" s="127"/>
      <c r="B165" s="128"/>
      <c r="C165" s="129"/>
      <c r="D165" s="130"/>
      <c r="E165" s="116"/>
      <c r="F165" s="131"/>
      <c r="G165" s="132"/>
      <c r="H165" s="142" t="s">
        <v>69</v>
      </c>
      <c r="I165" s="143" t="s">
        <v>11</v>
      </c>
      <c r="J165" s="144" t="s">
        <v>23</v>
      </c>
      <c r="K165" s="145"/>
      <c r="L165" s="146"/>
      <c r="M165" s="147" t="s">
        <v>11</v>
      </c>
      <c r="N165" s="144" t="s">
        <v>24</v>
      </c>
      <c r="O165" s="147"/>
      <c r="P165" s="144"/>
      <c r="Q165" s="148"/>
      <c r="R165" s="148"/>
      <c r="S165" s="148"/>
      <c r="T165" s="148"/>
      <c r="U165" s="148"/>
      <c r="V165" s="148"/>
      <c r="W165" s="148"/>
      <c r="X165" s="149"/>
      <c r="Y165" s="135"/>
      <c r="Z165" s="135"/>
      <c r="AA165" s="135"/>
      <c r="AB165" s="136"/>
      <c r="AC165" s="141"/>
      <c r="AD165" s="135"/>
      <c r="AE165" s="135"/>
      <c r="AF165" s="136"/>
    </row>
    <row r="166" spans="1:32" ht="18.75" customHeight="1" x14ac:dyDescent="0.15">
      <c r="A166" s="127"/>
      <c r="B166" s="128"/>
      <c r="C166" s="219"/>
      <c r="D166" s="131"/>
      <c r="E166" s="116"/>
      <c r="F166" s="230"/>
      <c r="G166" s="238"/>
      <c r="H166" s="470" t="s">
        <v>320</v>
      </c>
      <c r="I166" s="397" t="s">
        <v>11</v>
      </c>
      <c r="J166" s="421" t="s">
        <v>25</v>
      </c>
      <c r="K166" s="421"/>
      <c r="L166" s="397" t="s">
        <v>11</v>
      </c>
      <c r="M166" s="421" t="s">
        <v>29</v>
      </c>
      <c r="N166" s="421"/>
      <c r="O166" s="153"/>
      <c r="P166" s="153"/>
      <c r="Q166" s="153"/>
      <c r="R166" s="153"/>
      <c r="S166" s="153"/>
      <c r="T166" s="153"/>
      <c r="U166" s="153"/>
      <c r="V166" s="153"/>
      <c r="W166" s="153"/>
      <c r="X166" s="157"/>
      <c r="Y166" s="141"/>
      <c r="Z166" s="135"/>
      <c r="AA166" s="135"/>
      <c r="AB166" s="136"/>
      <c r="AC166" s="141"/>
      <c r="AD166" s="135"/>
      <c r="AE166" s="135"/>
      <c r="AF166" s="136"/>
    </row>
    <row r="167" spans="1:32" ht="18.75" customHeight="1" x14ac:dyDescent="0.15">
      <c r="A167" s="127"/>
      <c r="B167" s="128"/>
      <c r="C167" s="219"/>
      <c r="D167" s="131"/>
      <c r="E167" s="116"/>
      <c r="F167" s="230"/>
      <c r="G167" s="238"/>
      <c r="H167" s="470"/>
      <c r="I167" s="397"/>
      <c r="J167" s="421"/>
      <c r="K167" s="421"/>
      <c r="L167" s="397"/>
      <c r="M167" s="421"/>
      <c r="N167" s="421"/>
      <c r="O167" s="155"/>
      <c r="P167" s="155"/>
      <c r="Q167" s="155"/>
      <c r="R167" s="155"/>
      <c r="S167" s="155"/>
      <c r="T167" s="155"/>
      <c r="U167" s="155"/>
      <c r="V167" s="155"/>
      <c r="W167" s="155"/>
      <c r="X167" s="156"/>
      <c r="Y167" s="141"/>
      <c r="Z167" s="135"/>
      <c r="AA167" s="135"/>
      <c r="AB167" s="136"/>
      <c r="AC167" s="141"/>
      <c r="AD167" s="135"/>
      <c r="AE167" s="135"/>
      <c r="AF167" s="136"/>
    </row>
    <row r="168" spans="1:32" ht="18.75" customHeight="1" x14ac:dyDescent="0.15">
      <c r="A168" s="127"/>
      <c r="B168" s="128"/>
      <c r="C168" s="219"/>
      <c r="D168" s="131"/>
      <c r="E168" s="116"/>
      <c r="F168" s="230"/>
      <c r="G168" s="238"/>
      <c r="H168" s="226" t="s">
        <v>321</v>
      </c>
      <c r="I168" s="164" t="s">
        <v>11</v>
      </c>
      <c r="J168" s="144" t="s">
        <v>25</v>
      </c>
      <c r="K168" s="144"/>
      <c r="L168" s="147" t="s">
        <v>11</v>
      </c>
      <c r="M168" s="144" t="s">
        <v>26</v>
      </c>
      <c r="N168" s="144"/>
      <c r="O168" s="168" t="s">
        <v>11</v>
      </c>
      <c r="P168" s="144" t="s">
        <v>27</v>
      </c>
      <c r="Q168" s="200"/>
      <c r="R168" s="200"/>
      <c r="S168" s="200"/>
      <c r="T168" s="200"/>
      <c r="U168" s="200"/>
      <c r="V168" s="200"/>
      <c r="W168" s="200"/>
      <c r="X168" s="201"/>
      <c r="Y168" s="141"/>
      <c r="Z168" s="135"/>
      <c r="AA168" s="135"/>
      <c r="AB168" s="136"/>
      <c r="AC168" s="141"/>
      <c r="AD168" s="135"/>
      <c r="AE168" s="135"/>
      <c r="AF168" s="136"/>
    </row>
    <row r="169" spans="1:32" ht="18.75" customHeight="1" x14ac:dyDescent="0.15">
      <c r="A169" s="127"/>
      <c r="B169" s="128"/>
      <c r="C169" s="219"/>
      <c r="D169" s="131"/>
      <c r="E169" s="116"/>
      <c r="F169" s="230"/>
      <c r="G169" s="238"/>
      <c r="H169" s="226" t="s">
        <v>234</v>
      </c>
      <c r="I169" s="143" t="s">
        <v>11</v>
      </c>
      <c r="J169" s="144" t="s">
        <v>25</v>
      </c>
      <c r="K169" s="145"/>
      <c r="L169" s="147" t="s">
        <v>11</v>
      </c>
      <c r="M169" s="144" t="s">
        <v>29</v>
      </c>
      <c r="N169" s="200"/>
      <c r="O169" s="200"/>
      <c r="P169" s="200"/>
      <c r="Q169" s="200"/>
      <c r="R169" s="200"/>
      <c r="S169" s="200"/>
      <c r="T169" s="200"/>
      <c r="U169" s="200"/>
      <c r="V169" s="200"/>
      <c r="W169" s="200"/>
      <c r="X169" s="201"/>
      <c r="Y169" s="141"/>
      <c r="Z169" s="135"/>
      <c r="AA169" s="135"/>
      <c r="AB169" s="136"/>
      <c r="AC169" s="141"/>
      <c r="AD169" s="135"/>
      <c r="AE169" s="135"/>
      <c r="AF169" s="136"/>
    </row>
    <row r="170" spans="1:32" ht="18.75" customHeight="1" x14ac:dyDescent="0.15">
      <c r="A170" s="113"/>
      <c r="B170" s="128"/>
      <c r="C170" s="219"/>
      <c r="D170" s="113"/>
      <c r="E170" s="116"/>
      <c r="F170" s="230"/>
      <c r="G170" s="238"/>
      <c r="H170" s="226" t="s">
        <v>323</v>
      </c>
      <c r="I170" s="164" t="s">
        <v>11</v>
      </c>
      <c r="J170" s="144" t="s">
        <v>25</v>
      </c>
      <c r="K170" s="144"/>
      <c r="L170" s="147" t="s">
        <v>11</v>
      </c>
      <c r="M170" s="144" t="s">
        <v>503</v>
      </c>
      <c r="N170" s="144"/>
      <c r="O170" s="168"/>
      <c r="P170" s="168" t="s">
        <v>11</v>
      </c>
      <c r="Q170" s="144" t="s">
        <v>79</v>
      </c>
      <c r="R170" s="168"/>
      <c r="S170" s="144"/>
      <c r="T170" s="168" t="s">
        <v>11</v>
      </c>
      <c r="U170" s="144" t="s">
        <v>504</v>
      </c>
      <c r="V170" s="200"/>
      <c r="W170" s="200"/>
      <c r="X170" s="201"/>
      <c r="Y170" s="141"/>
      <c r="Z170" s="135"/>
      <c r="AA170" s="135"/>
      <c r="AB170" s="136"/>
      <c r="AC170" s="141"/>
      <c r="AD170" s="135"/>
      <c r="AE170" s="135"/>
      <c r="AF170" s="136"/>
    </row>
    <row r="171" spans="1:32" ht="18.75" customHeight="1" x14ac:dyDescent="0.15">
      <c r="A171" s="113" t="s">
        <v>11</v>
      </c>
      <c r="B171" s="128">
        <v>38</v>
      </c>
      <c r="C171" s="219" t="s">
        <v>325</v>
      </c>
      <c r="D171" s="113" t="s">
        <v>11</v>
      </c>
      <c r="E171" s="116" t="s">
        <v>107</v>
      </c>
      <c r="F171" s="230"/>
      <c r="G171" s="238"/>
      <c r="H171" s="226" t="s">
        <v>324</v>
      </c>
      <c r="I171" s="164" t="s">
        <v>11</v>
      </c>
      <c r="J171" s="144" t="s">
        <v>25</v>
      </c>
      <c r="K171" s="144"/>
      <c r="L171" s="147" t="s">
        <v>11</v>
      </c>
      <c r="M171" s="155" t="s">
        <v>29</v>
      </c>
      <c r="N171" s="144"/>
      <c r="O171" s="168"/>
      <c r="P171" s="168"/>
      <c r="Q171" s="168"/>
      <c r="R171" s="168"/>
      <c r="S171" s="168"/>
      <c r="T171" s="168"/>
      <c r="U171" s="168"/>
      <c r="V171" s="168"/>
      <c r="W171" s="168"/>
      <c r="X171" s="201"/>
      <c r="Y171" s="141"/>
      <c r="Z171" s="135"/>
      <c r="AA171" s="135"/>
      <c r="AB171" s="136"/>
      <c r="AC171" s="141"/>
      <c r="AD171" s="135"/>
      <c r="AE171" s="135"/>
      <c r="AF171" s="136"/>
    </row>
    <row r="172" spans="1:32" ht="18.75" customHeight="1" x14ac:dyDescent="0.15">
      <c r="A172" s="127"/>
      <c r="B172" s="128"/>
      <c r="C172" s="219" t="s">
        <v>326</v>
      </c>
      <c r="D172" s="113" t="s">
        <v>11</v>
      </c>
      <c r="E172" s="116" t="s">
        <v>106</v>
      </c>
      <c r="F172" s="131"/>
      <c r="G172" s="116"/>
      <c r="H172" s="224" t="s">
        <v>116</v>
      </c>
      <c r="I172" s="143" t="s">
        <v>11</v>
      </c>
      <c r="J172" s="144" t="s">
        <v>25</v>
      </c>
      <c r="K172" s="144"/>
      <c r="L172" s="147" t="s">
        <v>11</v>
      </c>
      <c r="M172" s="155" t="s">
        <v>29</v>
      </c>
      <c r="N172" s="144"/>
      <c r="O172" s="144"/>
      <c r="P172" s="144"/>
      <c r="Q172" s="145"/>
      <c r="R172" s="145"/>
      <c r="S172" s="145"/>
      <c r="T172" s="145"/>
      <c r="U172" s="145"/>
      <c r="V172" s="145"/>
      <c r="W172" s="145"/>
      <c r="X172" s="152"/>
      <c r="Y172" s="141"/>
      <c r="Z172" s="135"/>
      <c r="AA172" s="135"/>
      <c r="AB172" s="136"/>
      <c r="AC172" s="141"/>
      <c r="AD172" s="135"/>
      <c r="AE172" s="135"/>
      <c r="AF172" s="136"/>
    </row>
    <row r="173" spans="1:32" ht="18.75" customHeight="1" x14ac:dyDescent="0.15">
      <c r="A173" s="127"/>
      <c r="B173" s="128"/>
      <c r="C173" s="219" t="s">
        <v>318</v>
      </c>
      <c r="D173" s="113" t="s">
        <v>11</v>
      </c>
      <c r="E173" s="116" t="s">
        <v>327</v>
      </c>
      <c r="F173" s="131"/>
      <c r="G173" s="116"/>
      <c r="H173" s="224" t="s">
        <v>117</v>
      </c>
      <c r="I173" s="143" t="s">
        <v>11</v>
      </c>
      <c r="J173" s="144" t="s">
        <v>25</v>
      </c>
      <c r="K173" s="144"/>
      <c r="L173" s="147" t="s">
        <v>11</v>
      </c>
      <c r="M173" s="155" t="s">
        <v>29</v>
      </c>
      <c r="N173" s="144"/>
      <c r="O173" s="144"/>
      <c r="P173" s="144"/>
      <c r="Q173" s="145"/>
      <c r="R173" s="145"/>
      <c r="S173" s="145"/>
      <c r="T173" s="145"/>
      <c r="U173" s="145"/>
      <c r="V173" s="145"/>
      <c r="W173" s="145"/>
      <c r="X173" s="152"/>
      <c r="Y173" s="141"/>
      <c r="Z173" s="135"/>
      <c r="AA173" s="135"/>
      <c r="AB173" s="136"/>
      <c r="AC173" s="141"/>
      <c r="AD173" s="135"/>
      <c r="AE173" s="135"/>
      <c r="AF173" s="136"/>
    </row>
    <row r="174" spans="1:32" ht="18.75" customHeight="1" x14ac:dyDescent="0.15">
      <c r="A174" s="127"/>
      <c r="B174" s="128"/>
      <c r="C174" s="232"/>
      <c r="D174" s="113" t="s">
        <v>11</v>
      </c>
      <c r="E174" s="116" t="s">
        <v>328</v>
      </c>
      <c r="F174" s="230"/>
      <c r="G174" s="238"/>
      <c r="H174" s="228" t="s">
        <v>103</v>
      </c>
      <c r="I174" s="143" t="s">
        <v>11</v>
      </c>
      <c r="J174" s="144" t="s">
        <v>25</v>
      </c>
      <c r="K174" s="144"/>
      <c r="L174" s="147" t="s">
        <v>11</v>
      </c>
      <c r="M174" s="144" t="s">
        <v>26</v>
      </c>
      <c r="N174" s="144"/>
      <c r="O174" s="147" t="s">
        <v>11</v>
      </c>
      <c r="P174" s="144" t="s">
        <v>27</v>
      </c>
      <c r="Q174" s="148"/>
      <c r="R174" s="148"/>
      <c r="S174" s="148"/>
      <c r="T174" s="148"/>
      <c r="U174" s="169"/>
      <c r="V174" s="169"/>
      <c r="W174" s="169"/>
      <c r="X174" s="170"/>
      <c r="Y174" s="141"/>
      <c r="Z174" s="135"/>
      <c r="AA174" s="135"/>
      <c r="AB174" s="136"/>
      <c r="AC174" s="141"/>
      <c r="AD174" s="135"/>
      <c r="AE174" s="135"/>
      <c r="AF174" s="136"/>
    </row>
    <row r="175" spans="1:32" ht="18.75" customHeight="1" x14ac:dyDescent="0.15">
      <c r="A175" s="127"/>
      <c r="B175" s="128"/>
      <c r="C175" s="219"/>
      <c r="D175" s="130"/>
      <c r="E175" s="116"/>
      <c r="F175" s="230"/>
      <c r="G175" s="238"/>
      <c r="H175" s="226" t="s">
        <v>85</v>
      </c>
      <c r="I175" s="143" t="s">
        <v>11</v>
      </c>
      <c r="J175" s="144" t="s">
        <v>25</v>
      </c>
      <c r="K175" s="144"/>
      <c r="L175" s="147" t="s">
        <v>11</v>
      </c>
      <c r="M175" s="144" t="s">
        <v>86</v>
      </c>
      <c r="N175" s="144"/>
      <c r="O175" s="147" t="s">
        <v>11</v>
      </c>
      <c r="P175" s="144" t="s">
        <v>87</v>
      </c>
      <c r="Q175" s="200"/>
      <c r="R175" s="147" t="s">
        <v>11</v>
      </c>
      <c r="S175" s="144" t="s">
        <v>88</v>
      </c>
      <c r="T175" s="200"/>
      <c r="U175" s="200"/>
      <c r="V175" s="200"/>
      <c r="W175" s="200"/>
      <c r="X175" s="201"/>
      <c r="Y175" s="141"/>
      <c r="Z175" s="135"/>
      <c r="AA175" s="135"/>
      <c r="AB175" s="136"/>
      <c r="AC175" s="141"/>
      <c r="AD175" s="135"/>
      <c r="AE175" s="135"/>
      <c r="AF175" s="136"/>
    </row>
    <row r="176" spans="1:32" ht="18.75" customHeight="1" x14ac:dyDescent="0.15">
      <c r="A176" s="127"/>
      <c r="B176" s="128"/>
      <c r="C176" s="129"/>
      <c r="D176" s="130"/>
      <c r="E176" s="116"/>
      <c r="F176" s="131"/>
      <c r="G176" s="132"/>
      <c r="H176" s="395" t="s">
        <v>37</v>
      </c>
      <c r="I176" s="164" t="s">
        <v>11</v>
      </c>
      <c r="J176" s="153" t="s">
        <v>25</v>
      </c>
      <c r="K176" s="153"/>
      <c r="L176" s="165"/>
      <c r="M176" s="166"/>
      <c r="N176" s="166"/>
      <c r="O176" s="165"/>
      <c r="P176" s="166"/>
      <c r="Q176" s="167"/>
      <c r="R176" s="165"/>
      <c r="S176" s="166"/>
      <c r="T176" s="167"/>
      <c r="U176" s="168" t="s">
        <v>11</v>
      </c>
      <c r="V176" s="153" t="s">
        <v>38</v>
      </c>
      <c r="W176" s="169"/>
      <c r="X176" s="170"/>
      <c r="Y176" s="135"/>
      <c r="Z176" s="135"/>
      <c r="AA176" s="135"/>
      <c r="AB176" s="136"/>
      <c r="AC176" s="141"/>
      <c r="AD176" s="135"/>
      <c r="AE176" s="135"/>
      <c r="AF176" s="136"/>
    </row>
    <row r="177" spans="1:32" ht="18.75" customHeight="1" x14ac:dyDescent="0.15">
      <c r="A177" s="127"/>
      <c r="B177" s="128"/>
      <c r="C177" s="129"/>
      <c r="D177" s="130"/>
      <c r="E177" s="116"/>
      <c r="F177" s="131"/>
      <c r="G177" s="132"/>
      <c r="H177" s="395"/>
      <c r="I177" s="113" t="s">
        <v>11</v>
      </c>
      <c r="J177" s="114" t="s">
        <v>39</v>
      </c>
      <c r="K177" s="114"/>
      <c r="L177" s="109"/>
      <c r="M177" s="109" t="s">
        <v>11</v>
      </c>
      <c r="N177" s="114" t="s">
        <v>40</v>
      </c>
      <c r="O177" s="109"/>
      <c r="P177" s="109"/>
      <c r="Q177" s="109" t="s">
        <v>11</v>
      </c>
      <c r="R177" s="114" t="s">
        <v>41</v>
      </c>
      <c r="S177" s="101"/>
      <c r="T177" s="114"/>
      <c r="U177" s="109" t="s">
        <v>11</v>
      </c>
      <c r="V177" s="114" t="s">
        <v>42</v>
      </c>
      <c r="W177" s="133"/>
      <c r="X177" s="134"/>
      <c r="Y177" s="135"/>
      <c r="Z177" s="135"/>
      <c r="AA177" s="135"/>
      <c r="AB177" s="136"/>
      <c r="AC177" s="141"/>
      <c r="AD177" s="135"/>
      <c r="AE177" s="135"/>
      <c r="AF177" s="136"/>
    </row>
    <row r="178" spans="1:32" ht="18.75" customHeight="1" x14ac:dyDescent="0.15">
      <c r="A178" s="127"/>
      <c r="B178" s="128"/>
      <c r="C178" s="129"/>
      <c r="D178" s="130"/>
      <c r="E178" s="116"/>
      <c r="F178" s="131"/>
      <c r="G178" s="132"/>
      <c r="H178" s="395"/>
      <c r="I178" s="113" t="s">
        <v>11</v>
      </c>
      <c r="J178" s="114" t="s">
        <v>43</v>
      </c>
      <c r="K178" s="114"/>
      <c r="L178" s="109"/>
      <c r="M178" s="109" t="s">
        <v>11</v>
      </c>
      <c r="N178" s="114" t="s">
        <v>44</v>
      </c>
      <c r="O178" s="109"/>
      <c r="P178" s="109"/>
      <c r="Q178" s="109" t="s">
        <v>11</v>
      </c>
      <c r="R178" s="114" t="s">
        <v>45</v>
      </c>
      <c r="S178" s="101"/>
      <c r="T178" s="114"/>
      <c r="U178" s="109" t="s">
        <v>11</v>
      </c>
      <c r="V178" s="114" t="s">
        <v>46</v>
      </c>
      <c r="W178" s="133"/>
      <c r="X178" s="134"/>
      <c r="Y178" s="135"/>
      <c r="Z178" s="135"/>
      <c r="AA178" s="135"/>
      <c r="AB178" s="136"/>
      <c r="AC178" s="141"/>
      <c r="AD178" s="135"/>
      <c r="AE178" s="135"/>
      <c r="AF178" s="136"/>
    </row>
    <row r="179" spans="1:32" ht="18.75" customHeight="1" x14ac:dyDescent="0.15">
      <c r="A179" s="127"/>
      <c r="B179" s="128"/>
      <c r="C179" s="129"/>
      <c r="D179" s="130"/>
      <c r="E179" s="116"/>
      <c r="F179" s="131"/>
      <c r="G179" s="132"/>
      <c r="H179" s="395"/>
      <c r="I179" s="113" t="s">
        <v>11</v>
      </c>
      <c r="J179" s="114" t="s">
        <v>47</v>
      </c>
      <c r="K179" s="114"/>
      <c r="L179" s="109"/>
      <c r="M179" s="109" t="s">
        <v>11</v>
      </c>
      <c r="N179" s="114" t="s">
        <v>48</v>
      </c>
      <c r="O179" s="109"/>
      <c r="P179" s="109"/>
      <c r="Q179" s="109" t="s">
        <v>11</v>
      </c>
      <c r="R179" s="114" t="s">
        <v>49</v>
      </c>
      <c r="S179" s="101"/>
      <c r="T179" s="114"/>
      <c r="U179" s="109" t="s">
        <v>11</v>
      </c>
      <c r="V179" s="114" t="s">
        <v>50</v>
      </c>
      <c r="W179" s="133"/>
      <c r="X179" s="134"/>
      <c r="Y179" s="135"/>
      <c r="Z179" s="135"/>
      <c r="AA179" s="135"/>
      <c r="AB179" s="136"/>
      <c r="AC179" s="141"/>
      <c r="AD179" s="135"/>
      <c r="AE179" s="135"/>
      <c r="AF179" s="136"/>
    </row>
    <row r="180" spans="1:32" ht="18.75" customHeight="1" x14ac:dyDescent="0.15">
      <c r="A180" s="127"/>
      <c r="B180" s="128"/>
      <c r="C180" s="129"/>
      <c r="D180" s="130"/>
      <c r="E180" s="116"/>
      <c r="F180" s="131"/>
      <c r="G180" s="132"/>
      <c r="H180" s="395"/>
      <c r="I180" s="113" t="s">
        <v>11</v>
      </c>
      <c r="J180" s="114" t="s">
        <v>51</v>
      </c>
      <c r="K180" s="114"/>
      <c r="L180" s="109"/>
      <c r="M180" s="109" t="s">
        <v>11</v>
      </c>
      <c r="N180" s="114" t="s">
        <v>52</v>
      </c>
      <c r="O180" s="109"/>
      <c r="P180" s="109"/>
      <c r="Q180" s="109" t="s">
        <v>11</v>
      </c>
      <c r="R180" s="114" t="s">
        <v>53</v>
      </c>
      <c r="S180" s="101"/>
      <c r="T180" s="114"/>
      <c r="U180" s="109" t="s">
        <v>11</v>
      </c>
      <c r="V180" s="114" t="s">
        <v>54</v>
      </c>
      <c r="W180" s="133"/>
      <c r="X180" s="134"/>
      <c r="Y180" s="135"/>
      <c r="Z180" s="135"/>
      <c r="AA180" s="135"/>
      <c r="AB180" s="136"/>
      <c r="AC180" s="141"/>
      <c r="AD180" s="135"/>
      <c r="AE180" s="135"/>
      <c r="AF180" s="136"/>
    </row>
    <row r="181" spans="1:32" ht="18.75" customHeight="1" x14ac:dyDescent="0.15">
      <c r="A181" s="171"/>
      <c r="B181" s="172"/>
      <c r="C181" s="173"/>
      <c r="D181" s="174"/>
      <c r="E181" s="175"/>
      <c r="F181" s="176"/>
      <c r="G181" s="177"/>
      <c r="H181" s="459"/>
      <c r="I181" s="178" t="s">
        <v>11</v>
      </c>
      <c r="J181" s="179" t="s">
        <v>55</v>
      </c>
      <c r="K181" s="179"/>
      <c r="L181" s="180"/>
      <c r="M181" s="180"/>
      <c r="N181" s="179"/>
      <c r="O181" s="180"/>
      <c r="P181" s="180"/>
      <c r="Q181" s="180"/>
      <c r="R181" s="179"/>
      <c r="S181" s="181"/>
      <c r="T181" s="179"/>
      <c r="U181" s="180"/>
      <c r="V181" s="179"/>
      <c r="W181" s="182"/>
      <c r="X181" s="183"/>
      <c r="Y181" s="184"/>
      <c r="Z181" s="184"/>
      <c r="AA181" s="184"/>
      <c r="AB181" s="185"/>
      <c r="AC181" s="186"/>
      <c r="AD181" s="184"/>
      <c r="AE181" s="184"/>
      <c r="AF181" s="185"/>
    </row>
    <row r="182" spans="1:32" ht="18.75" customHeight="1" x14ac:dyDescent="0.15">
      <c r="A182" s="117"/>
      <c r="B182" s="118"/>
      <c r="C182" s="216"/>
      <c r="D182" s="121"/>
      <c r="E182" s="112"/>
      <c r="F182" s="121"/>
      <c r="G182" s="125"/>
      <c r="H182" s="317" t="s">
        <v>66</v>
      </c>
      <c r="I182" s="187" t="s">
        <v>11</v>
      </c>
      <c r="J182" s="188" t="s">
        <v>25</v>
      </c>
      <c r="K182" s="188"/>
      <c r="L182" s="190"/>
      <c r="M182" s="191" t="s">
        <v>11</v>
      </c>
      <c r="N182" s="188" t="s">
        <v>67</v>
      </c>
      <c r="O182" s="188"/>
      <c r="P182" s="190"/>
      <c r="Q182" s="191" t="s">
        <v>11</v>
      </c>
      <c r="R182" s="217" t="s">
        <v>68</v>
      </c>
      <c r="S182" s="217"/>
      <c r="T182" s="217"/>
      <c r="U182" s="217"/>
      <c r="V182" s="217"/>
      <c r="W182" s="217"/>
      <c r="X182" s="218"/>
      <c r="Y182" s="194" t="s">
        <v>11</v>
      </c>
      <c r="Z182" s="110" t="s">
        <v>20</v>
      </c>
      <c r="AA182" s="110"/>
      <c r="AB182" s="126"/>
      <c r="AC182" s="194" t="s">
        <v>11</v>
      </c>
      <c r="AD182" s="110" t="s">
        <v>20</v>
      </c>
      <c r="AE182" s="110"/>
      <c r="AF182" s="126"/>
    </row>
    <row r="183" spans="1:32" ht="18.75" customHeight="1" x14ac:dyDescent="0.15">
      <c r="A183" s="127"/>
      <c r="B183" s="128"/>
      <c r="C183" s="219"/>
      <c r="D183" s="131"/>
      <c r="E183" s="116"/>
      <c r="F183" s="131"/>
      <c r="G183" s="238"/>
      <c r="H183" s="197" t="s">
        <v>108</v>
      </c>
      <c r="I183" s="143" t="s">
        <v>11</v>
      </c>
      <c r="J183" s="144" t="s">
        <v>23</v>
      </c>
      <c r="K183" s="145"/>
      <c r="L183" s="146"/>
      <c r="M183" s="147" t="s">
        <v>11</v>
      </c>
      <c r="N183" s="144" t="s">
        <v>109</v>
      </c>
      <c r="O183" s="148"/>
      <c r="P183" s="148"/>
      <c r="Q183" s="145"/>
      <c r="R183" s="145"/>
      <c r="S183" s="145"/>
      <c r="T183" s="145"/>
      <c r="U183" s="145"/>
      <c r="V183" s="145"/>
      <c r="W183" s="145"/>
      <c r="X183" s="152"/>
      <c r="Y183" s="113" t="s">
        <v>11</v>
      </c>
      <c r="Z183" s="114" t="s">
        <v>21</v>
      </c>
      <c r="AA183" s="135"/>
      <c r="AB183" s="136"/>
      <c r="AC183" s="113" t="s">
        <v>11</v>
      </c>
      <c r="AD183" s="114" t="s">
        <v>21</v>
      </c>
      <c r="AE183" s="135"/>
      <c r="AF183" s="136"/>
    </row>
    <row r="184" spans="1:32" ht="19.5" customHeight="1" x14ac:dyDescent="0.15">
      <c r="A184" s="127"/>
      <c r="B184" s="128"/>
      <c r="C184" s="129"/>
      <c r="D184" s="130"/>
      <c r="E184" s="116"/>
      <c r="F184" s="131"/>
      <c r="G184" s="132"/>
      <c r="H184" s="197" t="s">
        <v>22</v>
      </c>
      <c r="I184" s="143" t="s">
        <v>11</v>
      </c>
      <c r="J184" s="144" t="s">
        <v>23</v>
      </c>
      <c r="K184" s="145"/>
      <c r="L184" s="146"/>
      <c r="M184" s="147" t="s">
        <v>11</v>
      </c>
      <c r="N184" s="144" t="s">
        <v>24</v>
      </c>
      <c r="O184" s="147"/>
      <c r="P184" s="144"/>
      <c r="Q184" s="148"/>
      <c r="R184" s="148"/>
      <c r="S184" s="148"/>
      <c r="T184" s="148"/>
      <c r="U184" s="148"/>
      <c r="V184" s="148"/>
      <c r="W184" s="148"/>
      <c r="X184" s="149"/>
      <c r="Y184" s="135"/>
      <c r="Z184" s="135"/>
      <c r="AA184" s="135"/>
      <c r="AB184" s="136"/>
      <c r="AC184" s="141"/>
      <c r="AD184" s="135"/>
      <c r="AE184" s="135"/>
      <c r="AF184" s="136"/>
    </row>
    <row r="185" spans="1:32" ht="19.5" customHeight="1" x14ac:dyDescent="0.15">
      <c r="A185" s="127"/>
      <c r="B185" s="128"/>
      <c r="C185" s="129"/>
      <c r="D185" s="130"/>
      <c r="E185" s="116"/>
      <c r="F185" s="131"/>
      <c r="G185" s="132"/>
      <c r="H185" s="197" t="s">
        <v>69</v>
      </c>
      <c r="I185" s="143" t="s">
        <v>11</v>
      </c>
      <c r="J185" s="144" t="s">
        <v>23</v>
      </c>
      <c r="K185" s="145"/>
      <c r="L185" s="146"/>
      <c r="M185" s="147" t="s">
        <v>11</v>
      </c>
      <c r="N185" s="144" t="s">
        <v>24</v>
      </c>
      <c r="O185" s="147"/>
      <c r="P185" s="144"/>
      <c r="Q185" s="148"/>
      <c r="R185" s="148"/>
      <c r="S185" s="148"/>
      <c r="T185" s="148"/>
      <c r="U185" s="148"/>
      <c r="V185" s="148"/>
      <c r="W185" s="148"/>
      <c r="X185" s="149"/>
      <c r="Y185" s="135"/>
      <c r="Z185" s="135"/>
      <c r="AA185" s="135"/>
      <c r="AB185" s="136"/>
      <c r="AC185" s="141"/>
      <c r="AD185" s="135"/>
      <c r="AE185" s="135"/>
      <c r="AF185" s="136"/>
    </row>
    <row r="186" spans="1:32" ht="18.75" customHeight="1" x14ac:dyDescent="0.15">
      <c r="A186" s="127"/>
      <c r="B186" s="128"/>
      <c r="C186" s="219"/>
      <c r="D186" s="131"/>
      <c r="E186" s="116"/>
      <c r="F186" s="131"/>
      <c r="G186" s="238"/>
      <c r="H186" s="226" t="s">
        <v>329</v>
      </c>
      <c r="I186" s="164" t="s">
        <v>11</v>
      </c>
      <c r="J186" s="144" t="s">
        <v>25</v>
      </c>
      <c r="K186" s="144"/>
      <c r="L186" s="147" t="s">
        <v>11</v>
      </c>
      <c r="M186" s="144" t="s">
        <v>26</v>
      </c>
      <c r="N186" s="144"/>
      <c r="O186" s="168" t="s">
        <v>11</v>
      </c>
      <c r="P186" s="144" t="s">
        <v>27</v>
      </c>
      <c r="Q186" s="200"/>
      <c r="R186" s="200"/>
      <c r="S186" s="200"/>
      <c r="T186" s="200"/>
      <c r="U186" s="200"/>
      <c r="V186" s="200"/>
      <c r="W186" s="200"/>
      <c r="X186" s="201"/>
      <c r="Y186" s="141"/>
      <c r="Z186" s="135"/>
      <c r="AA186" s="135"/>
      <c r="AB186" s="136"/>
      <c r="AC186" s="141"/>
      <c r="AD186" s="135"/>
      <c r="AE186" s="135"/>
      <c r="AF186" s="136"/>
    </row>
    <row r="187" spans="1:32" ht="18.75" customHeight="1" x14ac:dyDescent="0.15">
      <c r="A187" s="127"/>
      <c r="B187" s="128"/>
      <c r="C187" s="219"/>
      <c r="D187" s="131"/>
      <c r="E187" s="116"/>
      <c r="F187" s="131"/>
      <c r="G187" s="238"/>
      <c r="H187" s="471" t="s">
        <v>330</v>
      </c>
      <c r="I187" s="473" t="s">
        <v>11</v>
      </c>
      <c r="J187" s="428" t="s">
        <v>25</v>
      </c>
      <c r="K187" s="428"/>
      <c r="L187" s="475" t="s">
        <v>11</v>
      </c>
      <c r="M187" s="428" t="s">
        <v>29</v>
      </c>
      <c r="N187" s="428"/>
      <c r="O187" s="153"/>
      <c r="P187" s="153"/>
      <c r="Q187" s="153"/>
      <c r="R187" s="153"/>
      <c r="S187" s="153"/>
      <c r="T187" s="153"/>
      <c r="U187" s="153"/>
      <c r="V187" s="153"/>
      <c r="W187" s="153"/>
      <c r="X187" s="157"/>
      <c r="Y187" s="141"/>
      <c r="Z187" s="135"/>
      <c r="AA187" s="135"/>
      <c r="AB187" s="136"/>
      <c r="AC187" s="141"/>
      <c r="AD187" s="135"/>
      <c r="AE187" s="135"/>
      <c r="AF187" s="136"/>
    </row>
    <row r="188" spans="1:32" ht="18.75" customHeight="1" x14ac:dyDescent="0.15">
      <c r="A188" s="127"/>
      <c r="B188" s="128"/>
      <c r="C188" s="219"/>
      <c r="D188" s="131"/>
      <c r="E188" s="116"/>
      <c r="F188" s="131"/>
      <c r="G188" s="238"/>
      <c r="H188" s="472"/>
      <c r="I188" s="474"/>
      <c r="J188" s="469"/>
      <c r="K188" s="469"/>
      <c r="L188" s="468"/>
      <c r="M188" s="469"/>
      <c r="N188" s="469"/>
      <c r="O188" s="383"/>
      <c r="P188" s="383"/>
      <c r="Q188" s="383"/>
      <c r="R188" s="383"/>
      <c r="S188" s="383"/>
      <c r="T188" s="383"/>
      <c r="U188" s="383"/>
      <c r="V188" s="383"/>
      <c r="W188" s="383"/>
      <c r="X188" s="383"/>
      <c r="Y188" s="141"/>
      <c r="Z188" s="135"/>
      <c r="AA188" s="135"/>
      <c r="AB188" s="135"/>
      <c r="AC188" s="141"/>
      <c r="AD188" s="135"/>
      <c r="AE188" s="135"/>
      <c r="AF188" s="136"/>
    </row>
    <row r="189" spans="1:32" ht="18.75" customHeight="1" x14ac:dyDescent="0.15">
      <c r="A189" s="127"/>
      <c r="B189" s="128"/>
      <c r="C189" s="219"/>
      <c r="D189" s="131"/>
      <c r="E189" s="116"/>
      <c r="F189" s="131"/>
      <c r="G189" s="238"/>
      <c r="H189" s="365" t="s">
        <v>97</v>
      </c>
      <c r="I189" s="368" t="s">
        <v>11</v>
      </c>
      <c r="J189" s="155" t="s">
        <v>25</v>
      </c>
      <c r="K189" s="155"/>
      <c r="L189" s="369" t="s">
        <v>11</v>
      </c>
      <c r="M189" s="155" t="s">
        <v>56</v>
      </c>
      <c r="N189" s="155"/>
      <c r="O189" s="369" t="s">
        <v>11</v>
      </c>
      <c r="P189" s="155" t="s">
        <v>57</v>
      </c>
      <c r="Q189" s="366"/>
      <c r="R189" s="366"/>
      <c r="S189" s="366"/>
      <c r="T189" s="366"/>
      <c r="U189" s="366"/>
      <c r="V189" s="366"/>
      <c r="W189" s="366"/>
      <c r="X189" s="371"/>
      <c r="Y189" s="141"/>
      <c r="Z189" s="135"/>
      <c r="AA189" s="135"/>
      <c r="AB189" s="136"/>
      <c r="AC189" s="141"/>
      <c r="AD189" s="135"/>
      <c r="AE189" s="135"/>
      <c r="AF189" s="136"/>
    </row>
    <row r="190" spans="1:32" ht="18.75" customHeight="1" x14ac:dyDescent="0.15">
      <c r="A190" s="127"/>
      <c r="B190" s="128"/>
      <c r="C190" s="219"/>
      <c r="D190" s="131"/>
      <c r="E190" s="116"/>
      <c r="F190" s="131"/>
      <c r="G190" s="238"/>
      <c r="H190" s="150" t="s">
        <v>110</v>
      </c>
      <c r="I190" s="143" t="s">
        <v>11</v>
      </c>
      <c r="J190" s="144" t="s">
        <v>25</v>
      </c>
      <c r="K190" s="145"/>
      <c r="L190" s="147" t="s">
        <v>11</v>
      </c>
      <c r="M190" s="144" t="s">
        <v>29</v>
      </c>
      <c r="N190" s="200"/>
      <c r="O190" s="200"/>
      <c r="P190" s="200"/>
      <c r="Q190" s="200"/>
      <c r="R190" s="200"/>
      <c r="S190" s="200"/>
      <c r="T190" s="200"/>
      <c r="U190" s="200"/>
      <c r="V190" s="200"/>
      <c r="W190" s="200"/>
      <c r="X190" s="201"/>
      <c r="Y190" s="141"/>
      <c r="Z190" s="135"/>
      <c r="AA190" s="135"/>
      <c r="AB190" s="136"/>
      <c r="AC190" s="141"/>
      <c r="AD190" s="135"/>
      <c r="AE190" s="135"/>
      <c r="AF190" s="136"/>
    </row>
    <row r="191" spans="1:32" ht="18.75" customHeight="1" x14ac:dyDescent="0.15">
      <c r="A191" s="113" t="s">
        <v>11</v>
      </c>
      <c r="B191" s="128">
        <v>36</v>
      </c>
      <c r="C191" s="219" t="s">
        <v>331</v>
      </c>
      <c r="D191" s="113" t="s">
        <v>11</v>
      </c>
      <c r="E191" s="116" t="s">
        <v>236</v>
      </c>
      <c r="F191" s="131"/>
      <c r="G191" s="238"/>
      <c r="H191" s="224" t="s">
        <v>304</v>
      </c>
      <c r="I191" s="143" t="s">
        <v>11</v>
      </c>
      <c r="J191" s="144" t="s">
        <v>25</v>
      </c>
      <c r="K191" s="145"/>
      <c r="L191" s="147" t="s">
        <v>11</v>
      </c>
      <c r="M191" s="144" t="s">
        <v>29</v>
      </c>
      <c r="N191" s="200"/>
      <c r="O191" s="200"/>
      <c r="P191" s="200"/>
      <c r="Q191" s="200"/>
      <c r="R191" s="200"/>
      <c r="S191" s="200"/>
      <c r="T191" s="200"/>
      <c r="U191" s="200"/>
      <c r="V191" s="200"/>
      <c r="W191" s="200"/>
      <c r="X191" s="201"/>
      <c r="Y191" s="141"/>
      <c r="Z191" s="135"/>
      <c r="AA191" s="135"/>
      <c r="AB191" s="136"/>
      <c r="AC191" s="141"/>
      <c r="AD191" s="135"/>
      <c r="AE191" s="135"/>
      <c r="AF191" s="136"/>
    </row>
    <row r="192" spans="1:32" ht="18.75" customHeight="1" x14ac:dyDescent="0.15">
      <c r="A192" s="127"/>
      <c r="B192" s="128"/>
      <c r="C192" s="219" t="s">
        <v>332</v>
      </c>
      <c r="D192" s="113" t="s">
        <v>11</v>
      </c>
      <c r="E192" s="116" t="s">
        <v>237</v>
      </c>
      <c r="F192" s="131"/>
      <c r="G192" s="238"/>
      <c r="H192" s="197" t="s">
        <v>111</v>
      </c>
      <c r="I192" s="143" t="s">
        <v>11</v>
      </c>
      <c r="J192" s="144" t="s">
        <v>25</v>
      </c>
      <c r="K192" s="144"/>
      <c r="L192" s="147" t="s">
        <v>11</v>
      </c>
      <c r="M192" s="144" t="s">
        <v>112</v>
      </c>
      <c r="N192" s="144"/>
      <c r="O192" s="147" t="s">
        <v>11</v>
      </c>
      <c r="P192" s="144" t="s">
        <v>113</v>
      </c>
      <c r="Q192" s="144"/>
      <c r="R192" s="144"/>
      <c r="S192" s="144"/>
      <c r="T192" s="144"/>
      <c r="U192" s="144"/>
      <c r="V192" s="145"/>
      <c r="W192" s="145"/>
      <c r="X192" s="152"/>
      <c r="Y192" s="141"/>
      <c r="Z192" s="135"/>
      <c r="AA192" s="135"/>
      <c r="AB192" s="136"/>
      <c r="AC192" s="141"/>
      <c r="AD192" s="135"/>
      <c r="AE192" s="135"/>
      <c r="AF192" s="136"/>
    </row>
    <row r="193" spans="1:32" ht="18.75" customHeight="1" x14ac:dyDescent="0.15">
      <c r="A193" s="127"/>
      <c r="B193" s="128"/>
      <c r="C193" s="232"/>
      <c r="D193" s="113" t="s">
        <v>11</v>
      </c>
      <c r="E193" s="116" t="s">
        <v>238</v>
      </c>
      <c r="F193" s="131"/>
      <c r="G193" s="238"/>
      <c r="H193" s="226" t="s">
        <v>114</v>
      </c>
      <c r="I193" s="143" t="s">
        <v>11</v>
      </c>
      <c r="J193" s="144" t="s">
        <v>25</v>
      </c>
      <c r="K193" s="145"/>
      <c r="L193" s="147" t="s">
        <v>11</v>
      </c>
      <c r="M193" s="144" t="s">
        <v>29</v>
      </c>
      <c r="N193" s="200"/>
      <c r="O193" s="200"/>
      <c r="P193" s="200"/>
      <c r="Q193" s="200"/>
      <c r="R193" s="200"/>
      <c r="S193" s="200"/>
      <c r="T193" s="200"/>
      <c r="U193" s="200"/>
      <c r="V193" s="200"/>
      <c r="W193" s="200"/>
      <c r="X193" s="201"/>
      <c r="Y193" s="141"/>
      <c r="Z193" s="135"/>
      <c r="AA193" s="135"/>
      <c r="AB193" s="136"/>
      <c r="AC193" s="141"/>
      <c r="AD193" s="135"/>
      <c r="AE193" s="135"/>
      <c r="AF193" s="136"/>
    </row>
    <row r="194" spans="1:32" ht="18.75" customHeight="1" x14ac:dyDescent="0.15">
      <c r="A194" s="127"/>
      <c r="B194" s="128"/>
      <c r="C194" s="219"/>
      <c r="D194" s="113" t="s">
        <v>11</v>
      </c>
      <c r="E194" s="116" t="s">
        <v>333</v>
      </c>
      <c r="F194" s="131"/>
      <c r="G194" s="238"/>
      <c r="H194" s="226" t="s">
        <v>115</v>
      </c>
      <c r="I194" s="143" t="s">
        <v>11</v>
      </c>
      <c r="J194" s="144" t="s">
        <v>25</v>
      </c>
      <c r="K194" s="145"/>
      <c r="L194" s="147" t="s">
        <v>11</v>
      </c>
      <c r="M194" s="144" t="s">
        <v>29</v>
      </c>
      <c r="N194" s="200"/>
      <c r="O194" s="200"/>
      <c r="P194" s="200"/>
      <c r="Q194" s="200"/>
      <c r="R194" s="200"/>
      <c r="S194" s="200"/>
      <c r="T194" s="200"/>
      <c r="U194" s="200"/>
      <c r="V194" s="200"/>
      <c r="W194" s="200"/>
      <c r="X194" s="201"/>
      <c r="Y194" s="141"/>
      <c r="Z194" s="135"/>
      <c r="AA194" s="135"/>
      <c r="AB194" s="136"/>
      <c r="AC194" s="141"/>
      <c r="AD194" s="135"/>
      <c r="AE194" s="135"/>
      <c r="AF194" s="136"/>
    </row>
    <row r="195" spans="1:32" ht="18.75" customHeight="1" x14ac:dyDescent="0.15">
      <c r="A195" s="127"/>
      <c r="B195" s="128"/>
      <c r="C195" s="219"/>
      <c r="D195" s="113" t="s">
        <v>11</v>
      </c>
      <c r="E195" s="116" t="s">
        <v>334</v>
      </c>
      <c r="F195" s="131"/>
      <c r="G195" s="238"/>
      <c r="H195" s="226" t="s">
        <v>36</v>
      </c>
      <c r="I195" s="164" t="s">
        <v>11</v>
      </c>
      <c r="J195" s="144" t="s">
        <v>25</v>
      </c>
      <c r="K195" s="144"/>
      <c r="L195" s="147" t="s">
        <v>11</v>
      </c>
      <c r="M195" s="144" t="s">
        <v>26</v>
      </c>
      <c r="N195" s="144"/>
      <c r="O195" s="168" t="s">
        <v>11</v>
      </c>
      <c r="P195" s="144" t="s">
        <v>27</v>
      </c>
      <c r="Q195" s="200"/>
      <c r="R195" s="200"/>
      <c r="S195" s="200"/>
      <c r="T195" s="200"/>
      <c r="U195" s="200"/>
      <c r="V195" s="200"/>
      <c r="W195" s="200"/>
      <c r="X195" s="201"/>
      <c r="Y195" s="141"/>
      <c r="Z195" s="135"/>
      <c r="AA195" s="135"/>
      <c r="AB195" s="136"/>
      <c r="AC195" s="141"/>
      <c r="AD195" s="135"/>
      <c r="AE195" s="135"/>
      <c r="AF195" s="136"/>
    </row>
    <row r="196" spans="1:32" ht="18.75" customHeight="1" x14ac:dyDescent="0.15">
      <c r="A196" s="127"/>
      <c r="B196" s="128"/>
      <c r="C196" s="129"/>
      <c r="D196" s="109" t="s">
        <v>11</v>
      </c>
      <c r="E196" s="116" t="s">
        <v>335</v>
      </c>
      <c r="F196" s="131"/>
      <c r="G196" s="238"/>
      <c r="H196" s="150" t="s">
        <v>84</v>
      </c>
      <c r="I196" s="143" t="s">
        <v>11</v>
      </c>
      <c r="J196" s="144" t="s">
        <v>25</v>
      </c>
      <c r="K196" s="145"/>
      <c r="L196" s="147" t="s">
        <v>11</v>
      </c>
      <c r="M196" s="144" t="s">
        <v>29</v>
      </c>
      <c r="N196" s="200"/>
      <c r="O196" s="200"/>
      <c r="P196" s="200"/>
      <c r="Q196" s="200"/>
      <c r="R196" s="200"/>
      <c r="S196" s="200"/>
      <c r="T196" s="200"/>
      <c r="U196" s="200"/>
      <c r="V196" s="200"/>
      <c r="W196" s="200"/>
      <c r="X196" s="201"/>
      <c r="Y196" s="141"/>
      <c r="Z196" s="135"/>
      <c r="AA196" s="135"/>
      <c r="AB196" s="136"/>
      <c r="AC196" s="141"/>
      <c r="AD196" s="135"/>
      <c r="AE196" s="135"/>
      <c r="AF196" s="136"/>
    </row>
    <row r="197" spans="1:32" ht="18.75" customHeight="1" x14ac:dyDescent="0.15">
      <c r="A197" s="276"/>
      <c r="B197" s="128"/>
      <c r="C197" s="269"/>
      <c r="D197" s="101"/>
      <c r="E197" s="101"/>
      <c r="F197" s="131"/>
      <c r="G197" s="116"/>
      <c r="H197" s="224" t="s">
        <v>116</v>
      </c>
      <c r="I197" s="143" t="s">
        <v>11</v>
      </c>
      <c r="J197" s="144" t="s">
        <v>25</v>
      </c>
      <c r="K197" s="144"/>
      <c r="L197" s="147" t="s">
        <v>11</v>
      </c>
      <c r="M197" s="155" t="s">
        <v>29</v>
      </c>
      <c r="N197" s="144"/>
      <c r="O197" s="144"/>
      <c r="P197" s="144"/>
      <c r="Q197" s="145"/>
      <c r="R197" s="145"/>
      <c r="S197" s="145"/>
      <c r="T197" s="145"/>
      <c r="U197" s="145"/>
      <c r="V197" s="145"/>
      <c r="W197" s="145"/>
      <c r="X197" s="152"/>
      <c r="Y197" s="141"/>
      <c r="Z197" s="135"/>
      <c r="AA197" s="135"/>
      <c r="AB197" s="136"/>
      <c r="AC197" s="141"/>
      <c r="AD197" s="135"/>
      <c r="AE197" s="135"/>
      <c r="AF197" s="136"/>
    </row>
    <row r="198" spans="1:32" ht="18.75" customHeight="1" x14ac:dyDescent="0.15">
      <c r="A198" s="276"/>
      <c r="B198" s="128"/>
      <c r="C198" s="269"/>
      <c r="D198" s="101"/>
      <c r="E198" s="101"/>
      <c r="F198" s="131"/>
      <c r="G198" s="116"/>
      <c r="H198" s="224" t="s">
        <v>117</v>
      </c>
      <c r="I198" s="143" t="s">
        <v>11</v>
      </c>
      <c r="J198" s="144" t="s">
        <v>25</v>
      </c>
      <c r="K198" s="144"/>
      <c r="L198" s="147" t="s">
        <v>11</v>
      </c>
      <c r="M198" s="155" t="s">
        <v>29</v>
      </c>
      <c r="N198" s="144"/>
      <c r="O198" s="144"/>
      <c r="P198" s="144"/>
      <c r="Q198" s="145"/>
      <c r="R198" s="145"/>
      <c r="S198" s="145"/>
      <c r="T198" s="145"/>
      <c r="U198" s="145"/>
      <c r="V198" s="145"/>
      <c r="W198" s="145"/>
      <c r="X198" s="152"/>
      <c r="Y198" s="141"/>
      <c r="Z198" s="135"/>
      <c r="AA198" s="135"/>
      <c r="AB198" s="136"/>
      <c r="AC198" s="141"/>
      <c r="AD198" s="135"/>
      <c r="AE198" s="135"/>
      <c r="AF198" s="136"/>
    </row>
    <row r="199" spans="1:32" ht="18.75" customHeight="1" x14ac:dyDescent="0.15">
      <c r="A199" s="276"/>
      <c r="B199" s="128"/>
      <c r="C199" s="269"/>
      <c r="D199" s="101"/>
      <c r="E199" s="101"/>
      <c r="F199" s="131"/>
      <c r="G199" s="238"/>
      <c r="H199" s="228" t="s">
        <v>103</v>
      </c>
      <c r="I199" s="143" t="s">
        <v>11</v>
      </c>
      <c r="J199" s="144" t="s">
        <v>25</v>
      </c>
      <c r="K199" s="144"/>
      <c r="L199" s="147" t="s">
        <v>11</v>
      </c>
      <c r="M199" s="144" t="s">
        <v>26</v>
      </c>
      <c r="N199" s="144"/>
      <c r="O199" s="147" t="s">
        <v>11</v>
      </c>
      <c r="P199" s="144" t="s">
        <v>27</v>
      </c>
      <c r="Q199" s="148"/>
      <c r="R199" s="148"/>
      <c r="S199" s="148"/>
      <c r="T199" s="148"/>
      <c r="U199" s="169"/>
      <c r="V199" s="169"/>
      <c r="W199" s="169"/>
      <c r="X199" s="170"/>
      <c r="Y199" s="141"/>
      <c r="Z199" s="135"/>
      <c r="AA199" s="135"/>
      <c r="AB199" s="136"/>
      <c r="AC199" s="141"/>
      <c r="AD199" s="135"/>
      <c r="AE199" s="135"/>
      <c r="AF199" s="136"/>
    </row>
    <row r="200" spans="1:32" ht="18.75" customHeight="1" x14ac:dyDescent="0.15">
      <c r="A200" s="276"/>
      <c r="B200" s="105"/>
      <c r="C200" s="269"/>
      <c r="D200" s="101"/>
      <c r="E200" s="101"/>
      <c r="F200" s="131"/>
      <c r="G200" s="238"/>
      <c r="H200" s="226" t="s">
        <v>85</v>
      </c>
      <c r="I200" s="143" t="s">
        <v>11</v>
      </c>
      <c r="J200" s="144" t="s">
        <v>25</v>
      </c>
      <c r="K200" s="144"/>
      <c r="L200" s="147" t="s">
        <v>11</v>
      </c>
      <c r="M200" s="144" t="s">
        <v>86</v>
      </c>
      <c r="N200" s="144"/>
      <c r="O200" s="147" t="s">
        <v>11</v>
      </c>
      <c r="P200" s="144" t="s">
        <v>57</v>
      </c>
      <c r="Q200" s="200"/>
      <c r="R200" s="147" t="s">
        <v>11</v>
      </c>
      <c r="S200" s="144" t="s">
        <v>88</v>
      </c>
      <c r="T200" s="200"/>
      <c r="U200" s="200"/>
      <c r="V200" s="200"/>
      <c r="W200" s="200"/>
      <c r="X200" s="201"/>
      <c r="Y200" s="141"/>
      <c r="Z200" s="135"/>
      <c r="AA200" s="135"/>
      <c r="AB200" s="136"/>
      <c r="AC200" s="141"/>
      <c r="AD200" s="135"/>
      <c r="AE200" s="135"/>
      <c r="AF200" s="136"/>
    </row>
    <row r="201" spans="1:32" ht="18.75" customHeight="1" x14ac:dyDescent="0.15">
      <c r="A201" s="276"/>
      <c r="B201" s="248"/>
      <c r="C201" s="269"/>
      <c r="D201" s="246"/>
      <c r="E201" s="246"/>
      <c r="F201" s="131"/>
      <c r="G201" s="132"/>
      <c r="H201" s="395" t="s">
        <v>37</v>
      </c>
      <c r="I201" s="164" t="s">
        <v>11</v>
      </c>
      <c r="J201" s="153" t="s">
        <v>25</v>
      </c>
      <c r="K201" s="153"/>
      <c r="L201" s="165"/>
      <c r="M201" s="166"/>
      <c r="N201" s="166"/>
      <c r="O201" s="165"/>
      <c r="P201" s="166"/>
      <c r="Q201" s="167"/>
      <c r="R201" s="165"/>
      <c r="S201" s="166"/>
      <c r="T201" s="167"/>
      <c r="U201" s="168" t="s">
        <v>11</v>
      </c>
      <c r="V201" s="153" t="s">
        <v>38</v>
      </c>
      <c r="W201" s="169"/>
      <c r="X201" s="170"/>
      <c r="Y201" s="244"/>
      <c r="Z201" s="244"/>
      <c r="AA201" s="244"/>
      <c r="AB201" s="136"/>
      <c r="AC201" s="141"/>
      <c r="AD201" s="244"/>
      <c r="AE201" s="244"/>
      <c r="AF201" s="136"/>
    </row>
    <row r="202" spans="1:32" ht="18.75" customHeight="1" x14ac:dyDescent="0.15">
      <c r="A202" s="127"/>
      <c r="B202" s="248"/>
      <c r="C202" s="129"/>
      <c r="D202" s="246"/>
      <c r="E202" s="116"/>
      <c r="F202" s="131"/>
      <c r="G202" s="132"/>
      <c r="H202" s="395"/>
      <c r="I202" s="113" t="s">
        <v>11</v>
      </c>
      <c r="J202" s="243" t="s">
        <v>39</v>
      </c>
      <c r="K202" s="243"/>
      <c r="L202" s="245"/>
      <c r="M202" s="245" t="s">
        <v>11</v>
      </c>
      <c r="N202" s="243" t="s">
        <v>40</v>
      </c>
      <c r="O202" s="245"/>
      <c r="P202" s="245"/>
      <c r="Q202" s="245" t="s">
        <v>11</v>
      </c>
      <c r="R202" s="243" t="s">
        <v>41</v>
      </c>
      <c r="S202" s="246"/>
      <c r="T202" s="243"/>
      <c r="U202" s="245" t="s">
        <v>11</v>
      </c>
      <c r="V202" s="243" t="s">
        <v>42</v>
      </c>
      <c r="W202" s="247"/>
      <c r="X202" s="134"/>
      <c r="Y202" s="244"/>
      <c r="Z202" s="244"/>
      <c r="AA202" s="244"/>
      <c r="AB202" s="136"/>
      <c r="AC202" s="141"/>
      <c r="AD202" s="244"/>
      <c r="AE202" s="244"/>
      <c r="AF202" s="136"/>
    </row>
    <row r="203" spans="1:32" ht="18.75" customHeight="1" x14ac:dyDescent="0.15">
      <c r="A203" s="127"/>
      <c r="B203" s="128"/>
      <c r="C203" s="129"/>
      <c r="D203" s="130"/>
      <c r="E203" s="116"/>
      <c r="F203" s="131"/>
      <c r="G203" s="132"/>
      <c r="H203" s="395"/>
      <c r="I203" s="113" t="s">
        <v>11</v>
      </c>
      <c r="J203" s="243" t="s">
        <v>43</v>
      </c>
      <c r="K203" s="243"/>
      <c r="L203" s="245"/>
      <c r="M203" s="245" t="s">
        <v>11</v>
      </c>
      <c r="N203" s="243" t="s">
        <v>44</v>
      </c>
      <c r="O203" s="245"/>
      <c r="P203" s="245"/>
      <c r="Q203" s="245" t="s">
        <v>11</v>
      </c>
      <c r="R203" s="243" t="s">
        <v>45</v>
      </c>
      <c r="S203" s="246"/>
      <c r="T203" s="243"/>
      <c r="U203" s="245" t="s">
        <v>11</v>
      </c>
      <c r="V203" s="243" t="s">
        <v>46</v>
      </c>
      <c r="W203" s="247"/>
      <c r="X203" s="134"/>
      <c r="Y203" s="244"/>
      <c r="Z203" s="244"/>
      <c r="AA203" s="244"/>
      <c r="AB203" s="136"/>
      <c r="AC203" s="141"/>
      <c r="AD203" s="244"/>
      <c r="AE203" s="244"/>
      <c r="AF203" s="136"/>
    </row>
    <row r="204" spans="1:32" ht="18.75" customHeight="1" x14ac:dyDescent="0.15">
      <c r="A204" s="127"/>
      <c r="B204" s="128"/>
      <c r="C204" s="129"/>
      <c r="D204" s="130"/>
      <c r="E204" s="116"/>
      <c r="F204" s="131"/>
      <c r="G204" s="132"/>
      <c r="H204" s="395"/>
      <c r="I204" s="113" t="s">
        <v>11</v>
      </c>
      <c r="J204" s="243" t="s">
        <v>47</v>
      </c>
      <c r="K204" s="243"/>
      <c r="L204" s="245"/>
      <c r="M204" s="245" t="s">
        <v>11</v>
      </c>
      <c r="N204" s="243" t="s">
        <v>48</v>
      </c>
      <c r="O204" s="245"/>
      <c r="P204" s="245"/>
      <c r="Q204" s="245" t="s">
        <v>11</v>
      </c>
      <c r="R204" s="243" t="s">
        <v>49</v>
      </c>
      <c r="S204" s="246"/>
      <c r="T204" s="243"/>
      <c r="U204" s="245" t="s">
        <v>11</v>
      </c>
      <c r="V204" s="243" t="s">
        <v>50</v>
      </c>
      <c r="W204" s="247"/>
      <c r="X204" s="134"/>
      <c r="Y204" s="244"/>
      <c r="Z204" s="244"/>
      <c r="AA204" s="244"/>
      <c r="AB204" s="136"/>
      <c r="AC204" s="141"/>
      <c r="AD204" s="244"/>
      <c r="AE204" s="244"/>
      <c r="AF204" s="136"/>
    </row>
    <row r="205" spans="1:32" ht="18.75" customHeight="1" x14ac:dyDescent="0.15">
      <c r="A205" s="127"/>
      <c r="B205" s="128"/>
      <c r="C205" s="129"/>
      <c r="D205" s="130"/>
      <c r="E205" s="116"/>
      <c r="F205" s="131"/>
      <c r="G205" s="132"/>
      <c r="H205" s="395"/>
      <c r="I205" s="113" t="s">
        <v>11</v>
      </c>
      <c r="J205" s="243" t="s">
        <v>51</v>
      </c>
      <c r="K205" s="243"/>
      <c r="L205" s="245"/>
      <c r="M205" s="245" t="s">
        <v>11</v>
      </c>
      <c r="N205" s="243" t="s">
        <v>52</v>
      </c>
      <c r="O205" s="245"/>
      <c r="P205" s="245"/>
      <c r="Q205" s="245" t="s">
        <v>11</v>
      </c>
      <c r="R205" s="243" t="s">
        <v>53</v>
      </c>
      <c r="S205" s="246"/>
      <c r="T205" s="243"/>
      <c r="U205" s="245" t="s">
        <v>11</v>
      </c>
      <c r="V205" s="243" t="s">
        <v>54</v>
      </c>
      <c r="W205" s="247"/>
      <c r="X205" s="134"/>
      <c r="Y205" s="244"/>
      <c r="Z205" s="244"/>
      <c r="AA205" s="244"/>
      <c r="AB205" s="136"/>
      <c r="AC205" s="141"/>
      <c r="AD205" s="244"/>
      <c r="AE205" s="244"/>
      <c r="AF205" s="136"/>
    </row>
    <row r="206" spans="1:32" ht="18.75" customHeight="1" x14ac:dyDescent="0.15">
      <c r="A206" s="171"/>
      <c r="B206" s="172"/>
      <c r="C206" s="173"/>
      <c r="D206" s="174"/>
      <c r="E206" s="175"/>
      <c r="F206" s="176"/>
      <c r="G206" s="177"/>
      <c r="H206" s="459"/>
      <c r="I206" s="178" t="s">
        <v>11</v>
      </c>
      <c r="J206" s="179" t="s">
        <v>55</v>
      </c>
      <c r="K206" s="179"/>
      <c r="L206" s="180"/>
      <c r="M206" s="180"/>
      <c r="N206" s="179"/>
      <c r="O206" s="180"/>
      <c r="P206" s="180"/>
      <c r="Q206" s="180"/>
      <c r="R206" s="179"/>
      <c r="S206" s="181"/>
      <c r="T206" s="179"/>
      <c r="U206" s="180"/>
      <c r="V206" s="179"/>
      <c r="W206" s="182"/>
      <c r="X206" s="183"/>
      <c r="Y206" s="184"/>
      <c r="Z206" s="184"/>
      <c r="AA206" s="184"/>
      <c r="AB206" s="185"/>
      <c r="AC206" s="186"/>
      <c r="AD206" s="184"/>
      <c r="AE206" s="184"/>
      <c r="AF206" s="185"/>
    </row>
    <row r="207" spans="1:32" ht="18.75" customHeight="1" x14ac:dyDescent="0.15">
      <c r="A207" s="117"/>
      <c r="B207" s="118"/>
      <c r="C207" s="216"/>
      <c r="D207" s="121"/>
      <c r="E207" s="112"/>
      <c r="F207" s="121"/>
      <c r="G207" s="125"/>
      <c r="H207" s="317" t="s">
        <v>66</v>
      </c>
      <c r="I207" s="187" t="s">
        <v>11</v>
      </c>
      <c r="J207" s="188" t="s">
        <v>25</v>
      </c>
      <c r="K207" s="188"/>
      <c r="L207" s="190"/>
      <c r="M207" s="191" t="s">
        <v>11</v>
      </c>
      <c r="N207" s="188" t="s">
        <v>67</v>
      </c>
      <c r="O207" s="188"/>
      <c r="P207" s="190"/>
      <c r="Q207" s="191" t="s">
        <v>11</v>
      </c>
      <c r="R207" s="217" t="s">
        <v>68</v>
      </c>
      <c r="S207" s="217"/>
      <c r="T207" s="217"/>
      <c r="U207" s="217"/>
      <c r="V207" s="217"/>
      <c r="W207" s="217"/>
      <c r="X207" s="218"/>
      <c r="Y207" s="194" t="s">
        <v>11</v>
      </c>
      <c r="Z207" s="110" t="s">
        <v>20</v>
      </c>
      <c r="AA207" s="110"/>
      <c r="AB207" s="126"/>
      <c r="AC207" s="194" t="s">
        <v>11</v>
      </c>
      <c r="AD207" s="110" t="s">
        <v>20</v>
      </c>
      <c r="AE207" s="110"/>
      <c r="AF207" s="126"/>
    </row>
    <row r="208" spans="1:32" ht="19.5" customHeight="1" x14ac:dyDescent="0.15">
      <c r="A208" s="127"/>
      <c r="B208" s="128"/>
      <c r="C208" s="129"/>
      <c r="D208" s="130"/>
      <c r="E208" s="116"/>
      <c r="F208" s="131"/>
      <c r="G208" s="132"/>
      <c r="H208" s="142" t="s">
        <v>22</v>
      </c>
      <c r="I208" s="143" t="s">
        <v>11</v>
      </c>
      <c r="J208" s="144" t="s">
        <v>23</v>
      </c>
      <c r="K208" s="145"/>
      <c r="L208" s="146"/>
      <c r="M208" s="147" t="s">
        <v>11</v>
      </c>
      <c r="N208" s="144" t="s">
        <v>24</v>
      </c>
      <c r="O208" s="147"/>
      <c r="P208" s="144"/>
      <c r="Q208" s="148"/>
      <c r="R208" s="148"/>
      <c r="S208" s="148"/>
      <c r="T208" s="148"/>
      <c r="U208" s="148"/>
      <c r="V208" s="148"/>
      <c r="W208" s="148"/>
      <c r="X208" s="149"/>
      <c r="Y208" s="113" t="s">
        <v>11</v>
      </c>
      <c r="Z208" s="243" t="s">
        <v>21</v>
      </c>
      <c r="AA208" s="244"/>
      <c r="AB208" s="136"/>
      <c r="AC208" s="113" t="s">
        <v>11</v>
      </c>
      <c r="AD208" s="243" t="s">
        <v>21</v>
      </c>
      <c r="AE208" s="244"/>
      <c r="AF208" s="136"/>
    </row>
    <row r="209" spans="1:32" ht="19.5" customHeight="1" x14ac:dyDescent="0.15">
      <c r="A209" s="127"/>
      <c r="B209" s="128"/>
      <c r="C209" s="129"/>
      <c r="D209" s="130"/>
      <c r="E209" s="116"/>
      <c r="F209" s="131"/>
      <c r="G209" s="132"/>
      <c r="H209" s="142" t="s">
        <v>69</v>
      </c>
      <c r="I209" s="143" t="s">
        <v>11</v>
      </c>
      <c r="J209" s="144" t="s">
        <v>23</v>
      </c>
      <c r="K209" s="145"/>
      <c r="L209" s="146"/>
      <c r="M209" s="147" t="s">
        <v>11</v>
      </c>
      <c r="N209" s="144" t="s">
        <v>24</v>
      </c>
      <c r="O209" s="147"/>
      <c r="P209" s="144"/>
      <c r="Q209" s="148"/>
      <c r="R209" s="148"/>
      <c r="S209" s="148"/>
      <c r="T209" s="148"/>
      <c r="U209" s="148"/>
      <c r="V209" s="148"/>
      <c r="W209" s="148"/>
      <c r="X209" s="149"/>
      <c r="Y209" s="113"/>
      <c r="Z209" s="243"/>
      <c r="AA209" s="244"/>
      <c r="AB209" s="136"/>
      <c r="AC209" s="113"/>
      <c r="AD209" s="243"/>
      <c r="AE209" s="244"/>
      <c r="AF209" s="136"/>
    </row>
    <row r="210" spans="1:32" ht="18.75" customHeight="1" x14ac:dyDescent="0.15">
      <c r="A210" s="127"/>
      <c r="B210" s="128"/>
      <c r="C210" s="219"/>
      <c r="D210" s="113"/>
      <c r="E210" s="116"/>
      <c r="F210" s="131"/>
      <c r="G210" s="238"/>
      <c r="H210" s="197" t="s">
        <v>111</v>
      </c>
      <c r="I210" s="143" t="s">
        <v>11</v>
      </c>
      <c r="J210" s="144" t="s">
        <v>25</v>
      </c>
      <c r="K210" s="144"/>
      <c r="L210" s="147"/>
      <c r="M210" s="147" t="s">
        <v>11</v>
      </c>
      <c r="N210" s="144" t="s">
        <v>112</v>
      </c>
      <c r="O210" s="147"/>
      <c r="P210" s="147" t="s">
        <v>11</v>
      </c>
      <c r="Q210" s="144" t="s">
        <v>113</v>
      </c>
      <c r="R210" s="147"/>
      <c r="S210" s="144"/>
      <c r="T210" s="147"/>
      <c r="U210" s="144"/>
      <c r="V210" s="145"/>
      <c r="W210" s="148"/>
      <c r="X210" s="149"/>
      <c r="Y210" s="141"/>
      <c r="Z210" s="244"/>
      <c r="AA210" s="244"/>
      <c r="AB210" s="136"/>
      <c r="AC210" s="141"/>
      <c r="AD210" s="244"/>
      <c r="AE210" s="244"/>
      <c r="AF210" s="136"/>
    </row>
    <row r="211" spans="1:32" ht="18.75" customHeight="1" x14ac:dyDescent="0.15">
      <c r="A211" s="127"/>
      <c r="B211" s="128"/>
      <c r="C211" s="219"/>
      <c r="D211" s="113"/>
      <c r="E211" s="116"/>
      <c r="F211" s="131"/>
      <c r="G211" s="238"/>
      <c r="H211" s="226" t="s">
        <v>114</v>
      </c>
      <c r="I211" s="143" t="s">
        <v>11</v>
      </c>
      <c r="J211" s="144" t="s">
        <v>25</v>
      </c>
      <c r="K211" s="145"/>
      <c r="L211" s="147" t="s">
        <v>11</v>
      </c>
      <c r="M211" s="144" t="s">
        <v>29</v>
      </c>
      <c r="N211" s="200"/>
      <c r="O211" s="200"/>
      <c r="P211" s="200"/>
      <c r="Q211" s="200"/>
      <c r="R211" s="200"/>
      <c r="S211" s="200"/>
      <c r="T211" s="200"/>
      <c r="U211" s="200"/>
      <c r="V211" s="200"/>
      <c r="W211" s="200"/>
      <c r="X211" s="201"/>
      <c r="Y211" s="141"/>
      <c r="Z211" s="135"/>
      <c r="AA211" s="135"/>
      <c r="AB211" s="136"/>
      <c r="AC211" s="141"/>
      <c r="AD211" s="135"/>
      <c r="AE211" s="135"/>
      <c r="AF211" s="136"/>
    </row>
    <row r="212" spans="1:32" ht="18.75" customHeight="1" x14ac:dyDescent="0.15">
      <c r="A212" s="127"/>
      <c r="B212" s="128"/>
      <c r="C212" s="219"/>
      <c r="D212" s="113"/>
      <c r="E212" s="116"/>
      <c r="F212" s="131"/>
      <c r="G212" s="116"/>
      <c r="H212" s="224" t="s">
        <v>116</v>
      </c>
      <c r="I212" s="143" t="s">
        <v>11</v>
      </c>
      <c r="J212" s="144" t="s">
        <v>25</v>
      </c>
      <c r="K212" s="144"/>
      <c r="L212" s="147" t="s">
        <v>11</v>
      </c>
      <c r="M212" s="155" t="s">
        <v>29</v>
      </c>
      <c r="N212" s="144"/>
      <c r="O212" s="144"/>
      <c r="P212" s="144"/>
      <c r="Q212" s="145"/>
      <c r="R212" s="145"/>
      <c r="S212" s="145"/>
      <c r="T212" s="145"/>
      <c r="U212" s="145"/>
      <c r="V212" s="145"/>
      <c r="W212" s="145"/>
      <c r="X212" s="152"/>
      <c r="Y212" s="141"/>
      <c r="Z212" s="135"/>
      <c r="AA212" s="135"/>
      <c r="AB212" s="136"/>
      <c r="AC212" s="141"/>
      <c r="AD212" s="135"/>
      <c r="AE212" s="135"/>
      <c r="AF212" s="136"/>
    </row>
    <row r="213" spans="1:32" ht="18.75" customHeight="1" x14ac:dyDescent="0.15">
      <c r="A213" s="113" t="s">
        <v>11</v>
      </c>
      <c r="B213" s="128">
        <v>28</v>
      </c>
      <c r="C213" s="219" t="s">
        <v>331</v>
      </c>
      <c r="D213" s="113" t="s">
        <v>11</v>
      </c>
      <c r="E213" s="116" t="s">
        <v>236</v>
      </c>
      <c r="F213" s="131"/>
      <c r="G213" s="116"/>
      <c r="H213" s="224" t="s">
        <v>117</v>
      </c>
      <c r="I213" s="143" t="s">
        <v>11</v>
      </c>
      <c r="J213" s="144" t="s">
        <v>25</v>
      </c>
      <c r="K213" s="144"/>
      <c r="L213" s="147" t="s">
        <v>11</v>
      </c>
      <c r="M213" s="155" t="s">
        <v>29</v>
      </c>
      <c r="N213" s="144"/>
      <c r="O213" s="144"/>
      <c r="P213" s="144"/>
      <c r="Q213" s="145"/>
      <c r="R213" s="145"/>
      <c r="S213" s="145"/>
      <c r="T213" s="145"/>
      <c r="U213" s="145"/>
      <c r="V213" s="145"/>
      <c r="W213" s="145"/>
      <c r="X213" s="152"/>
      <c r="Y213" s="141"/>
      <c r="Z213" s="135"/>
      <c r="AA213" s="135"/>
      <c r="AB213" s="136"/>
      <c r="AC213" s="141"/>
      <c r="AD213" s="135"/>
      <c r="AE213" s="135"/>
      <c r="AF213" s="136"/>
    </row>
    <row r="214" spans="1:32" ht="18.75" customHeight="1" x14ac:dyDescent="0.15">
      <c r="A214" s="127"/>
      <c r="B214" s="128"/>
      <c r="C214" s="219" t="s">
        <v>332</v>
      </c>
      <c r="D214" s="113" t="s">
        <v>11</v>
      </c>
      <c r="E214" s="116" t="s">
        <v>237</v>
      </c>
      <c r="F214" s="131"/>
      <c r="G214" s="238"/>
      <c r="H214" s="228" t="s">
        <v>103</v>
      </c>
      <c r="I214" s="143" t="s">
        <v>11</v>
      </c>
      <c r="J214" s="144" t="s">
        <v>25</v>
      </c>
      <c r="K214" s="144"/>
      <c r="L214" s="147" t="s">
        <v>11</v>
      </c>
      <c r="M214" s="144" t="s">
        <v>26</v>
      </c>
      <c r="N214" s="144"/>
      <c r="O214" s="147" t="s">
        <v>11</v>
      </c>
      <c r="P214" s="144" t="s">
        <v>27</v>
      </c>
      <c r="Q214" s="148"/>
      <c r="R214" s="148"/>
      <c r="S214" s="148"/>
      <c r="T214" s="148"/>
      <c r="U214" s="169"/>
      <c r="V214" s="169"/>
      <c r="W214" s="169"/>
      <c r="X214" s="170"/>
      <c r="Y214" s="141"/>
      <c r="Z214" s="135"/>
      <c r="AA214" s="135"/>
      <c r="AB214" s="136"/>
      <c r="AC214" s="141"/>
      <c r="AD214" s="135"/>
      <c r="AE214" s="135"/>
      <c r="AF214" s="136"/>
    </row>
    <row r="215" spans="1:32" ht="18.75" customHeight="1" x14ac:dyDescent="0.15">
      <c r="A215" s="127"/>
      <c r="B215" s="128"/>
      <c r="C215" s="219" t="s">
        <v>336</v>
      </c>
      <c r="D215" s="113" t="s">
        <v>11</v>
      </c>
      <c r="E215" s="116" t="s">
        <v>333</v>
      </c>
      <c r="F215" s="131"/>
      <c r="G215" s="238"/>
      <c r="H215" s="226" t="s">
        <v>85</v>
      </c>
      <c r="I215" s="143" t="s">
        <v>11</v>
      </c>
      <c r="J215" s="144" t="s">
        <v>25</v>
      </c>
      <c r="K215" s="144"/>
      <c r="L215" s="147" t="s">
        <v>11</v>
      </c>
      <c r="M215" s="144" t="s">
        <v>86</v>
      </c>
      <c r="N215" s="144"/>
      <c r="O215" s="147" t="s">
        <v>11</v>
      </c>
      <c r="P215" s="144" t="s">
        <v>57</v>
      </c>
      <c r="Q215" s="200"/>
      <c r="R215" s="147" t="s">
        <v>11</v>
      </c>
      <c r="S215" s="144" t="s">
        <v>88</v>
      </c>
      <c r="T215" s="200"/>
      <c r="U215" s="200"/>
      <c r="V215" s="200"/>
      <c r="W215" s="200"/>
      <c r="X215" s="201"/>
      <c r="Y215" s="141"/>
      <c r="Z215" s="135"/>
      <c r="AA215" s="135"/>
      <c r="AB215" s="136"/>
      <c r="AC215" s="141"/>
      <c r="AD215" s="135"/>
      <c r="AE215" s="135"/>
      <c r="AF215" s="136"/>
    </row>
    <row r="216" spans="1:32" ht="18.75" customHeight="1" x14ac:dyDescent="0.15">
      <c r="A216" s="127"/>
      <c r="B216" s="128"/>
      <c r="C216" s="132"/>
      <c r="D216" s="113" t="s">
        <v>11</v>
      </c>
      <c r="E216" s="116" t="s">
        <v>334</v>
      </c>
      <c r="F216" s="131"/>
      <c r="G216" s="132"/>
      <c r="H216" s="395" t="s">
        <v>37</v>
      </c>
      <c r="I216" s="164" t="s">
        <v>11</v>
      </c>
      <c r="J216" s="153" t="s">
        <v>25</v>
      </c>
      <c r="K216" s="153"/>
      <c r="L216" s="165"/>
      <c r="M216" s="166"/>
      <c r="N216" s="166"/>
      <c r="O216" s="165"/>
      <c r="P216" s="166"/>
      <c r="Q216" s="167"/>
      <c r="R216" s="165"/>
      <c r="S216" s="166"/>
      <c r="T216" s="167"/>
      <c r="U216" s="168" t="s">
        <v>11</v>
      </c>
      <c r="V216" s="153" t="s">
        <v>38</v>
      </c>
      <c r="W216" s="169"/>
      <c r="X216" s="170"/>
      <c r="Y216" s="244"/>
      <c r="Z216" s="244"/>
      <c r="AA216" s="244"/>
      <c r="AB216" s="136"/>
      <c r="AC216" s="141"/>
      <c r="AD216" s="244"/>
      <c r="AE216" s="244"/>
      <c r="AF216" s="136"/>
    </row>
    <row r="217" spans="1:32" ht="18.75" customHeight="1" x14ac:dyDescent="0.15">
      <c r="A217" s="276"/>
      <c r="B217" s="128"/>
      <c r="C217" s="269"/>
      <c r="D217" s="246"/>
      <c r="E217" s="246"/>
      <c r="F217" s="131"/>
      <c r="G217" s="132"/>
      <c r="H217" s="395"/>
      <c r="I217" s="113" t="s">
        <v>11</v>
      </c>
      <c r="J217" s="243" t="s">
        <v>39</v>
      </c>
      <c r="K217" s="243"/>
      <c r="L217" s="245"/>
      <c r="M217" s="245" t="s">
        <v>11</v>
      </c>
      <c r="N217" s="243" t="s">
        <v>40</v>
      </c>
      <c r="O217" s="245"/>
      <c r="P217" s="245"/>
      <c r="Q217" s="245" t="s">
        <v>11</v>
      </c>
      <c r="R217" s="243" t="s">
        <v>41</v>
      </c>
      <c r="S217" s="246"/>
      <c r="T217" s="243"/>
      <c r="U217" s="245" t="s">
        <v>11</v>
      </c>
      <c r="V217" s="243" t="s">
        <v>42</v>
      </c>
      <c r="W217" s="247"/>
      <c r="X217" s="134"/>
      <c r="Y217" s="244"/>
      <c r="Z217" s="244"/>
      <c r="AA217" s="244"/>
      <c r="AB217" s="136"/>
      <c r="AC217" s="141"/>
      <c r="AD217" s="244"/>
      <c r="AE217" s="244"/>
      <c r="AF217" s="136"/>
    </row>
    <row r="218" spans="1:32" ht="18.75" customHeight="1" x14ac:dyDescent="0.15">
      <c r="A218" s="276"/>
      <c r="B218" s="128"/>
      <c r="C218" s="269"/>
      <c r="D218" s="246"/>
      <c r="E218" s="246"/>
      <c r="F218" s="131"/>
      <c r="G218" s="132"/>
      <c r="H218" s="395"/>
      <c r="I218" s="113" t="s">
        <v>11</v>
      </c>
      <c r="J218" s="243" t="s">
        <v>43</v>
      </c>
      <c r="K218" s="243"/>
      <c r="L218" s="245"/>
      <c r="M218" s="245" t="s">
        <v>11</v>
      </c>
      <c r="N218" s="243" t="s">
        <v>44</v>
      </c>
      <c r="O218" s="245"/>
      <c r="P218" s="245"/>
      <c r="Q218" s="245" t="s">
        <v>11</v>
      </c>
      <c r="R218" s="243" t="s">
        <v>45</v>
      </c>
      <c r="S218" s="246"/>
      <c r="T218" s="243"/>
      <c r="U218" s="245" t="s">
        <v>11</v>
      </c>
      <c r="V218" s="243" t="s">
        <v>46</v>
      </c>
      <c r="W218" s="247"/>
      <c r="X218" s="134"/>
      <c r="Y218" s="244"/>
      <c r="Z218" s="244"/>
      <c r="AA218" s="244"/>
      <c r="AB218" s="136"/>
      <c r="AC218" s="141"/>
      <c r="AD218" s="244"/>
      <c r="AE218" s="244"/>
      <c r="AF218" s="136"/>
    </row>
    <row r="219" spans="1:32" ht="18.75" customHeight="1" x14ac:dyDescent="0.15">
      <c r="A219" s="127"/>
      <c r="B219" s="128"/>
      <c r="C219" s="129"/>
      <c r="D219" s="246"/>
      <c r="E219" s="116"/>
      <c r="F219" s="131"/>
      <c r="G219" s="132"/>
      <c r="H219" s="395"/>
      <c r="I219" s="113" t="s">
        <v>11</v>
      </c>
      <c r="J219" s="243" t="s">
        <v>47</v>
      </c>
      <c r="K219" s="243"/>
      <c r="L219" s="245"/>
      <c r="M219" s="245" t="s">
        <v>11</v>
      </c>
      <c r="N219" s="243" t="s">
        <v>48</v>
      </c>
      <c r="O219" s="245"/>
      <c r="P219" s="245"/>
      <c r="Q219" s="245" t="s">
        <v>11</v>
      </c>
      <c r="R219" s="243" t="s">
        <v>49</v>
      </c>
      <c r="S219" s="246"/>
      <c r="T219" s="243"/>
      <c r="U219" s="245" t="s">
        <v>11</v>
      </c>
      <c r="V219" s="243" t="s">
        <v>50</v>
      </c>
      <c r="W219" s="247"/>
      <c r="X219" s="134"/>
      <c r="Y219" s="244"/>
      <c r="Z219" s="244"/>
      <c r="AA219" s="244"/>
      <c r="AB219" s="136"/>
      <c r="AC219" s="141"/>
      <c r="AD219" s="244"/>
      <c r="AE219" s="244"/>
      <c r="AF219" s="136"/>
    </row>
    <row r="220" spans="1:32" ht="18.75" customHeight="1" x14ac:dyDescent="0.15">
      <c r="A220" s="127"/>
      <c r="B220" s="128"/>
      <c r="C220" s="129"/>
      <c r="D220" s="130"/>
      <c r="E220" s="116"/>
      <c r="F220" s="131"/>
      <c r="G220" s="132"/>
      <c r="H220" s="395"/>
      <c r="I220" s="113" t="s">
        <v>11</v>
      </c>
      <c r="J220" s="243" t="s">
        <v>51</v>
      </c>
      <c r="K220" s="243"/>
      <c r="L220" s="245"/>
      <c r="M220" s="245" t="s">
        <v>11</v>
      </c>
      <c r="N220" s="243" t="s">
        <v>52</v>
      </c>
      <c r="O220" s="245"/>
      <c r="P220" s="245"/>
      <c r="Q220" s="245" t="s">
        <v>11</v>
      </c>
      <c r="R220" s="243" t="s">
        <v>53</v>
      </c>
      <c r="S220" s="246"/>
      <c r="T220" s="243"/>
      <c r="U220" s="245" t="s">
        <v>11</v>
      </c>
      <c r="V220" s="243" t="s">
        <v>54</v>
      </c>
      <c r="W220" s="247"/>
      <c r="X220" s="134"/>
      <c r="Y220" s="244"/>
      <c r="Z220" s="244"/>
      <c r="AA220" s="244"/>
      <c r="AB220" s="136"/>
      <c r="AC220" s="141"/>
      <c r="AD220" s="244"/>
      <c r="AE220" s="244"/>
      <c r="AF220" s="136"/>
    </row>
    <row r="221" spans="1:32" ht="18.75" customHeight="1" x14ac:dyDescent="0.15">
      <c r="A221" s="171"/>
      <c r="B221" s="172"/>
      <c r="C221" s="173"/>
      <c r="D221" s="174"/>
      <c r="E221" s="175"/>
      <c r="F221" s="176"/>
      <c r="G221" s="177"/>
      <c r="H221" s="459"/>
      <c r="I221" s="178" t="s">
        <v>11</v>
      </c>
      <c r="J221" s="179" t="s">
        <v>55</v>
      </c>
      <c r="K221" s="179"/>
      <c r="L221" s="180"/>
      <c r="M221" s="180"/>
      <c r="N221" s="179"/>
      <c r="O221" s="180"/>
      <c r="P221" s="180"/>
      <c r="Q221" s="180"/>
      <c r="R221" s="179"/>
      <c r="S221" s="181"/>
      <c r="T221" s="179"/>
      <c r="U221" s="180"/>
      <c r="V221" s="179"/>
      <c r="W221" s="182"/>
      <c r="X221" s="183"/>
      <c r="Y221" s="184"/>
      <c r="Z221" s="184"/>
      <c r="AA221" s="184"/>
      <c r="AB221" s="185"/>
      <c r="AC221" s="186"/>
      <c r="AD221" s="184"/>
      <c r="AE221" s="184"/>
      <c r="AF221" s="185"/>
    </row>
    <row r="222" spans="1:32" ht="18.75" customHeight="1" x14ac:dyDescent="0.15">
      <c r="A222" s="117"/>
      <c r="B222" s="118"/>
      <c r="C222" s="216"/>
      <c r="D222" s="121"/>
      <c r="E222" s="112"/>
      <c r="F222" s="121"/>
      <c r="G222" s="112"/>
      <c r="H222" s="317" t="s">
        <v>104</v>
      </c>
      <c r="I222" s="187" t="s">
        <v>11</v>
      </c>
      <c r="J222" s="188" t="s">
        <v>93</v>
      </c>
      <c r="K222" s="189"/>
      <c r="L222" s="190"/>
      <c r="M222" s="191" t="s">
        <v>11</v>
      </c>
      <c r="N222" s="188" t="s">
        <v>94</v>
      </c>
      <c r="O222" s="192"/>
      <c r="P222" s="192"/>
      <c r="Q222" s="192"/>
      <c r="R222" s="192"/>
      <c r="S222" s="192"/>
      <c r="T222" s="192"/>
      <c r="U222" s="192"/>
      <c r="V222" s="192"/>
      <c r="W222" s="192"/>
      <c r="X222" s="193"/>
      <c r="Y222" s="194" t="s">
        <v>11</v>
      </c>
      <c r="Z222" s="110" t="s">
        <v>20</v>
      </c>
      <c r="AA222" s="110"/>
      <c r="AB222" s="126"/>
      <c r="AC222" s="194" t="s">
        <v>11</v>
      </c>
      <c r="AD222" s="110" t="s">
        <v>20</v>
      </c>
      <c r="AE222" s="110"/>
      <c r="AF222" s="126"/>
    </row>
    <row r="223" spans="1:32" ht="18.75" customHeight="1" x14ac:dyDescent="0.15">
      <c r="A223" s="127"/>
      <c r="B223" s="128"/>
      <c r="C223" s="219"/>
      <c r="D223" s="131"/>
      <c r="E223" s="116"/>
      <c r="F223" s="131"/>
      <c r="G223" s="116"/>
      <c r="H223" s="462" t="s">
        <v>66</v>
      </c>
      <c r="I223" s="164" t="s">
        <v>11</v>
      </c>
      <c r="J223" s="153" t="s">
        <v>25</v>
      </c>
      <c r="K223" s="153"/>
      <c r="L223" s="204"/>
      <c r="M223" s="168" t="s">
        <v>11</v>
      </c>
      <c r="N223" s="153" t="s">
        <v>67</v>
      </c>
      <c r="O223" s="153"/>
      <c r="P223" s="204"/>
      <c r="Q223" s="168" t="s">
        <v>11</v>
      </c>
      <c r="R223" s="202" t="s">
        <v>68</v>
      </c>
      <c r="S223" s="202"/>
      <c r="T223" s="202"/>
      <c r="U223" s="202"/>
      <c r="V223" s="202"/>
      <c r="W223" s="202"/>
      <c r="X223" s="203"/>
      <c r="Y223" s="113" t="s">
        <v>11</v>
      </c>
      <c r="Z223" s="243" t="s">
        <v>21</v>
      </c>
      <c r="AA223" s="244"/>
      <c r="AB223" s="136"/>
      <c r="AC223" s="113" t="s">
        <v>11</v>
      </c>
      <c r="AD223" s="243" t="s">
        <v>21</v>
      </c>
      <c r="AE223" s="244"/>
      <c r="AF223" s="136"/>
    </row>
    <row r="224" spans="1:32" ht="18.75" customHeight="1" x14ac:dyDescent="0.15">
      <c r="A224" s="127"/>
      <c r="B224" s="128"/>
      <c r="C224" s="219"/>
      <c r="D224" s="131"/>
      <c r="E224" s="116"/>
      <c r="F224" s="131"/>
      <c r="G224" s="116"/>
      <c r="H224" s="462"/>
      <c r="I224" s="137" t="s">
        <v>11</v>
      </c>
      <c r="J224" s="155" t="s">
        <v>337</v>
      </c>
      <c r="K224" s="155"/>
      <c r="L224" s="160"/>
      <c r="M224" s="160"/>
      <c r="N224" s="160"/>
      <c r="O224" s="160"/>
      <c r="P224" s="160"/>
      <c r="Q224" s="160"/>
      <c r="R224" s="160"/>
      <c r="S224" s="160"/>
      <c r="T224" s="160"/>
      <c r="U224" s="160"/>
      <c r="V224" s="160"/>
      <c r="W224" s="160"/>
      <c r="X224" s="161"/>
      <c r="Y224" s="141"/>
      <c r="Z224" s="244"/>
      <c r="AA224" s="244"/>
      <c r="AB224" s="136"/>
      <c r="AC224" s="141"/>
      <c r="AD224" s="244"/>
      <c r="AE224" s="244"/>
      <c r="AF224" s="136"/>
    </row>
    <row r="225" spans="1:32" ht="18.75" customHeight="1" x14ac:dyDescent="0.15">
      <c r="A225" s="127"/>
      <c r="B225" s="128"/>
      <c r="C225" s="219"/>
      <c r="D225" s="131"/>
      <c r="E225" s="116"/>
      <c r="F225" s="131"/>
      <c r="G225" s="116"/>
      <c r="H225" s="226" t="s">
        <v>95</v>
      </c>
      <c r="I225" s="143" t="s">
        <v>11</v>
      </c>
      <c r="J225" s="144" t="s">
        <v>58</v>
      </c>
      <c r="K225" s="145"/>
      <c r="L225" s="146"/>
      <c r="M225" s="147" t="s">
        <v>11</v>
      </c>
      <c r="N225" s="144" t="s">
        <v>59</v>
      </c>
      <c r="O225" s="148"/>
      <c r="P225" s="148"/>
      <c r="Q225" s="148"/>
      <c r="R225" s="148"/>
      <c r="S225" s="148"/>
      <c r="T225" s="148"/>
      <c r="U225" s="148"/>
      <c r="V225" s="148"/>
      <c r="W225" s="148"/>
      <c r="X225" s="149"/>
      <c r="Y225" s="141"/>
      <c r="Z225" s="244"/>
      <c r="AA225" s="244"/>
      <c r="AB225" s="136"/>
      <c r="AC225" s="141"/>
      <c r="AD225" s="244"/>
      <c r="AE225" s="244"/>
      <c r="AF225" s="136"/>
    </row>
    <row r="226" spans="1:32" ht="18.75" customHeight="1" x14ac:dyDescent="0.15">
      <c r="A226" s="127"/>
      <c r="B226" s="128"/>
      <c r="C226" s="219"/>
      <c r="D226" s="131"/>
      <c r="E226" s="116"/>
      <c r="F226" s="131"/>
      <c r="G226" s="116"/>
      <c r="H226" s="197" t="s">
        <v>108</v>
      </c>
      <c r="I226" s="143" t="s">
        <v>11</v>
      </c>
      <c r="J226" s="144" t="s">
        <v>23</v>
      </c>
      <c r="K226" s="145"/>
      <c r="L226" s="146"/>
      <c r="M226" s="147" t="s">
        <v>11</v>
      </c>
      <c r="N226" s="144" t="s">
        <v>109</v>
      </c>
      <c r="O226" s="148"/>
      <c r="P226" s="148"/>
      <c r="Q226" s="145"/>
      <c r="R226" s="145"/>
      <c r="S226" s="145"/>
      <c r="T226" s="145"/>
      <c r="U226" s="145"/>
      <c r="V226" s="145"/>
      <c r="W226" s="145"/>
      <c r="X226" s="152"/>
      <c r="Y226" s="141"/>
      <c r="Z226" s="135"/>
      <c r="AA226" s="135"/>
      <c r="AB226" s="136"/>
      <c r="AC226" s="141"/>
      <c r="AD226" s="135"/>
      <c r="AE226" s="135"/>
      <c r="AF226" s="136"/>
    </row>
    <row r="227" spans="1:32" ht="18.75" customHeight="1" x14ac:dyDescent="0.15">
      <c r="A227" s="127"/>
      <c r="B227" s="128"/>
      <c r="C227" s="219"/>
      <c r="D227" s="131"/>
      <c r="E227" s="116"/>
      <c r="F227" s="131"/>
      <c r="G227" s="116"/>
      <c r="H227" s="224" t="s">
        <v>129</v>
      </c>
      <c r="I227" s="143" t="s">
        <v>11</v>
      </c>
      <c r="J227" s="144" t="s">
        <v>23</v>
      </c>
      <c r="K227" s="145"/>
      <c r="L227" s="146"/>
      <c r="M227" s="147" t="s">
        <v>11</v>
      </c>
      <c r="N227" s="144" t="s">
        <v>109</v>
      </c>
      <c r="O227" s="148"/>
      <c r="P227" s="148"/>
      <c r="Q227" s="145"/>
      <c r="R227" s="145"/>
      <c r="S227" s="145"/>
      <c r="T227" s="145"/>
      <c r="U227" s="145"/>
      <c r="V227" s="145"/>
      <c r="W227" s="145"/>
      <c r="X227" s="152"/>
      <c r="Y227" s="141"/>
      <c r="Z227" s="135"/>
      <c r="AA227" s="135"/>
      <c r="AB227" s="136"/>
      <c r="AC227" s="141"/>
      <c r="AD227" s="135"/>
      <c r="AE227" s="135"/>
      <c r="AF227" s="136"/>
    </row>
    <row r="228" spans="1:32" ht="19.5" customHeight="1" x14ac:dyDescent="0.15">
      <c r="A228" s="127"/>
      <c r="B228" s="128"/>
      <c r="C228" s="129"/>
      <c r="D228" s="130"/>
      <c r="E228" s="116"/>
      <c r="F228" s="131"/>
      <c r="G228" s="132"/>
      <c r="H228" s="142" t="s">
        <v>22</v>
      </c>
      <c r="I228" s="143" t="s">
        <v>11</v>
      </c>
      <c r="J228" s="144" t="s">
        <v>23</v>
      </c>
      <c r="K228" s="145"/>
      <c r="L228" s="146"/>
      <c r="M228" s="147" t="s">
        <v>11</v>
      </c>
      <c r="N228" s="144" t="s">
        <v>24</v>
      </c>
      <c r="O228" s="147"/>
      <c r="P228" s="144"/>
      <c r="Q228" s="148"/>
      <c r="R228" s="148"/>
      <c r="S228" s="148"/>
      <c r="T228" s="148"/>
      <c r="U228" s="148"/>
      <c r="V228" s="148"/>
      <c r="W228" s="148"/>
      <c r="X228" s="149"/>
      <c r="Y228" s="135"/>
      <c r="Z228" s="135"/>
      <c r="AA228" s="135"/>
      <c r="AB228" s="136"/>
      <c r="AC228" s="141"/>
      <c r="AD228" s="135"/>
      <c r="AE228" s="135"/>
      <c r="AF228" s="136"/>
    </row>
    <row r="229" spans="1:32" ht="19.5" customHeight="1" x14ac:dyDescent="0.15">
      <c r="A229" s="127"/>
      <c r="B229" s="128"/>
      <c r="C229" s="129"/>
      <c r="D229" s="130"/>
      <c r="E229" s="116"/>
      <c r="F229" s="131"/>
      <c r="G229" s="132"/>
      <c r="H229" s="142" t="s">
        <v>69</v>
      </c>
      <c r="I229" s="143" t="s">
        <v>11</v>
      </c>
      <c r="J229" s="144" t="s">
        <v>23</v>
      </c>
      <c r="K229" s="145"/>
      <c r="L229" s="146"/>
      <c r="M229" s="147" t="s">
        <v>11</v>
      </c>
      <c r="N229" s="144" t="s">
        <v>24</v>
      </c>
      <c r="O229" s="147"/>
      <c r="P229" s="144"/>
      <c r="Q229" s="148"/>
      <c r="R229" s="148"/>
      <c r="S229" s="148"/>
      <c r="T229" s="148"/>
      <c r="U229" s="148"/>
      <c r="V229" s="148"/>
      <c r="W229" s="148"/>
      <c r="X229" s="149"/>
      <c r="Y229" s="135"/>
      <c r="Z229" s="135"/>
      <c r="AA229" s="135"/>
      <c r="AB229" s="136"/>
      <c r="AC229" s="141"/>
      <c r="AD229" s="135"/>
      <c r="AE229" s="135"/>
      <c r="AF229" s="136"/>
    </row>
    <row r="230" spans="1:32" ht="18.75" customHeight="1" x14ac:dyDescent="0.15">
      <c r="A230" s="127"/>
      <c r="B230" s="128"/>
      <c r="C230" s="219"/>
      <c r="D230" s="131"/>
      <c r="E230" s="116"/>
      <c r="F230" s="131"/>
      <c r="G230" s="116"/>
      <c r="H230" s="395" t="s">
        <v>130</v>
      </c>
      <c r="I230" s="397" t="s">
        <v>11</v>
      </c>
      <c r="J230" s="421" t="s">
        <v>25</v>
      </c>
      <c r="K230" s="421"/>
      <c r="L230" s="397" t="s">
        <v>11</v>
      </c>
      <c r="M230" s="421" t="s">
        <v>29</v>
      </c>
      <c r="N230" s="421"/>
      <c r="O230" s="153"/>
      <c r="P230" s="153"/>
      <c r="Q230" s="153"/>
      <c r="R230" s="153"/>
      <c r="S230" s="153"/>
      <c r="T230" s="153"/>
      <c r="U230" s="153"/>
      <c r="V230" s="153"/>
      <c r="W230" s="153"/>
      <c r="X230" s="157"/>
      <c r="Y230" s="141"/>
      <c r="Z230" s="135"/>
      <c r="AA230" s="135"/>
      <c r="AB230" s="136"/>
      <c r="AC230" s="141"/>
      <c r="AD230" s="135"/>
      <c r="AE230" s="135"/>
      <c r="AF230" s="136"/>
    </row>
    <row r="231" spans="1:32" ht="18.75" customHeight="1" x14ac:dyDescent="0.15">
      <c r="A231" s="127"/>
      <c r="B231" s="128"/>
      <c r="C231" s="219"/>
      <c r="D231" s="131"/>
      <c r="E231" s="116"/>
      <c r="F231" s="131"/>
      <c r="G231" s="116"/>
      <c r="H231" s="395"/>
      <c r="I231" s="397"/>
      <c r="J231" s="421"/>
      <c r="K231" s="421"/>
      <c r="L231" s="397"/>
      <c r="M231" s="421"/>
      <c r="N231" s="421"/>
      <c r="O231" s="155"/>
      <c r="P231" s="155"/>
      <c r="Q231" s="155"/>
      <c r="R231" s="155"/>
      <c r="S231" s="155"/>
      <c r="T231" s="155"/>
      <c r="U231" s="155"/>
      <c r="V231" s="155"/>
      <c r="W231" s="155"/>
      <c r="X231" s="156"/>
      <c r="Y231" s="141"/>
      <c r="Z231" s="135"/>
      <c r="AA231" s="135"/>
      <c r="AB231" s="136"/>
      <c r="AC231" s="141"/>
      <c r="AD231" s="135"/>
      <c r="AE231" s="135"/>
      <c r="AF231" s="136"/>
    </row>
    <row r="232" spans="1:32" ht="18.75" customHeight="1" x14ac:dyDescent="0.15">
      <c r="A232" s="127"/>
      <c r="B232" s="128"/>
      <c r="C232" s="219"/>
      <c r="D232" s="131"/>
      <c r="E232" s="116"/>
      <c r="F232" s="131"/>
      <c r="G232" s="116"/>
      <c r="H232" s="226" t="s">
        <v>131</v>
      </c>
      <c r="I232" s="143" t="s">
        <v>11</v>
      </c>
      <c r="J232" s="144" t="s">
        <v>25</v>
      </c>
      <c r="K232" s="145"/>
      <c r="L232" s="147" t="s">
        <v>11</v>
      </c>
      <c r="M232" s="144" t="s">
        <v>29</v>
      </c>
      <c r="N232" s="200"/>
      <c r="O232" s="200"/>
      <c r="P232" s="200"/>
      <c r="Q232" s="200"/>
      <c r="R232" s="200"/>
      <c r="S232" s="200"/>
      <c r="T232" s="200"/>
      <c r="U232" s="200"/>
      <c r="V232" s="200"/>
      <c r="W232" s="200"/>
      <c r="X232" s="201"/>
      <c r="Y232" s="141"/>
      <c r="Z232" s="135"/>
      <c r="AA232" s="135"/>
      <c r="AB232" s="136"/>
      <c r="AC232" s="141"/>
      <c r="AD232" s="135"/>
      <c r="AE232" s="135"/>
      <c r="AF232" s="136"/>
    </row>
    <row r="233" spans="1:32" ht="18.75" customHeight="1" x14ac:dyDescent="0.15">
      <c r="A233" s="127"/>
      <c r="B233" s="128"/>
      <c r="C233" s="219"/>
      <c r="D233" s="131"/>
      <c r="E233" s="116"/>
      <c r="F233" s="131"/>
      <c r="G233" s="116"/>
      <c r="H233" s="395" t="s">
        <v>132</v>
      </c>
      <c r="I233" s="397" t="s">
        <v>11</v>
      </c>
      <c r="J233" s="421" t="s">
        <v>25</v>
      </c>
      <c r="K233" s="421"/>
      <c r="L233" s="397" t="s">
        <v>11</v>
      </c>
      <c r="M233" s="421" t="s">
        <v>29</v>
      </c>
      <c r="N233" s="421"/>
      <c r="O233" s="153"/>
      <c r="P233" s="153"/>
      <c r="Q233" s="153"/>
      <c r="R233" s="153"/>
      <c r="S233" s="153"/>
      <c r="T233" s="153"/>
      <c r="U233" s="153"/>
      <c r="V233" s="153"/>
      <c r="W233" s="153"/>
      <c r="X233" s="157"/>
      <c r="Y233" s="141"/>
      <c r="Z233" s="135"/>
      <c r="AA233" s="135"/>
      <c r="AB233" s="136"/>
      <c r="AC233" s="141"/>
      <c r="AD233" s="135"/>
      <c r="AE233" s="135"/>
      <c r="AF233" s="136"/>
    </row>
    <row r="234" spans="1:32" ht="18.75" customHeight="1" x14ac:dyDescent="0.15">
      <c r="A234" s="127"/>
      <c r="B234" s="128"/>
      <c r="C234" s="219"/>
      <c r="D234" s="131"/>
      <c r="E234" s="116"/>
      <c r="F234" s="131"/>
      <c r="G234" s="116"/>
      <c r="H234" s="395"/>
      <c r="I234" s="397"/>
      <c r="J234" s="421"/>
      <c r="K234" s="421"/>
      <c r="L234" s="397"/>
      <c r="M234" s="421"/>
      <c r="N234" s="421"/>
      <c r="O234" s="155"/>
      <c r="P234" s="155"/>
      <c r="Q234" s="155"/>
      <c r="R234" s="155"/>
      <c r="S234" s="155"/>
      <c r="T234" s="155"/>
      <c r="U234" s="155"/>
      <c r="V234" s="155"/>
      <c r="W234" s="155"/>
      <c r="X234" s="156"/>
      <c r="Y234" s="141"/>
      <c r="Z234" s="135"/>
      <c r="AA234" s="135"/>
      <c r="AB234" s="136"/>
      <c r="AC234" s="141"/>
      <c r="AD234" s="135"/>
      <c r="AE234" s="135"/>
      <c r="AF234" s="136"/>
    </row>
    <row r="235" spans="1:32" ht="18.75" customHeight="1" x14ac:dyDescent="0.15">
      <c r="A235" s="127"/>
      <c r="B235" s="128"/>
      <c r="C235" s="219"/>
      <c r="D235" s="131"/>
      <c r="E235" s="116"/>
      <c r="F235" s="131"/>
      <c r="G235" s="116"/>
      <c r="H235" s="226" t="s">
        <v>133</v>
      </c>
      <c r="I235" s="143" t="s">
        <v>11</v>
      </c>
      <c r="J235" s="144" t="s">
        <v>25</v>
      </c>
      <c r="K235" s="145"/>
      <c r="L235" s="147" t="s">
        <v>11</v>
      </c>
      <c r="M235" s="144" t="s">
        <v>29</v>
      </c>
      <c r="N235" s="200"/>
      <c r="O235" s="200"/>
      <c r="P235" s="200"/>
      <c r="Q235" s="200"/>
      <c r="R235" s="200"/>
      <c r="S235" s="200"/>
      <c r="T235" s="200"/>
      <c r="U235" s="200"/>
      <c r="V235" s="200"/>
      <c r="W235" s="200"/>
      <c r="X235" s="201"/>
      <c r="Y235" s="141"/>
      <c r="Z235" s="135"/>
      <c r="AA235" s="135"/>
      <c r="AB235" s="136"/>
      <c r="AC235" s="141"/>
      <c r="AD235" s="135"/>
      <c r="AE235" s="135"/>
      <c r="AF235" s="136"/>
    </row>
    <row r="236" spans="1:32" ht="18.75" customHeight="1" x14ac:dyDescent="0.15">
      <c r="A236" s="127"/>
      <c r="B236" s="128"/>
      <c r="C236" s="219"/>
      <c r="D236" s="131"/>
      <c r="E236" s="116"/>
      <c r="F236" s="131"/>
      <c r="G236" s="116"/>
      <c r="H236" s="226" t="s">
        <v>134</v>
      </c>
      <c r="I236" s="143" t="s">
        <v>11</v>
      </c>
      <c r="J236" s="144" t="s">
        <v>25</v>
      </c>
      <c r="K236" s="145"/>
      <c r="L236" s="147" t="s">
        <v>11</v>
      </c>
      <c r="M236" s="144" t="s">
        <v>29</v>
      </c>
      <c r="N236" s="200"/>
      <c r="O236" s="200"/>
      <c r="P236" s="200"/>
      <c r="Q236" s="200"/>
      <c r="R236" s="200"/>
      <c r="S236" s="200"/>
      <c r="T236" s="200"/>
      <c r="U236" s="200"/>
      <c r="V236" s="200"/>
      <c r="W236" s="200"/>
      <c r="X236" s="201"/>
      <c r="Y236" s="141"/>
      <c r="Z236" s="135"/>
      <c r="AA236" s="135"/>
      <c r="AB236" s="136"/>
      <c r="AC236" s="141"/>
      <c r="AD236" s="135"/>
      <c r="AE236" s="135"/>
      <c r="AF236" s="136"/>
    </row>
    <row r="237" spans="1:32" ht="18.75" customHeight="1" x14ac:dyDescent="0.15">
      <c r="A237" s="127"/>
      <c r="B237" s="128"/>
      <c r="C237" s="219"/>
      <c r="D237" s="131"/>
      <c r="E237" s="116"/>
      <c r="F237" s="131"/>
      <c r="G237" s="116"/>
      <c r="H237" s="226" t="s">
        <v>98</v>
      </c>
      <c r="I237" s="164" t="s">
        <v>11</v>
      </c>
      <c r="J237" s="144" t="s">
        <v>25</v>
      </c>
      <c r="K237" s="144"/>
      <c r="L237" s="147" t="s">
        <v>11</v>
      </c>
      <c r="M237" s="144" t="s">
        <v>99</v>
      </c>
      <c r="N237" s="144"/>
      <c r="O237" s="145"/>
      <c r="P237" s="145"/>
      <c r="Q237" s="147" t="s">
        <v>11</v>
      </c>
      <c r="R237" s="144" t="s">
        <v>135</v>
      </c>
      <c r="S237" s="144"/>
      <c r="T237" s="145"/>
      <c r="U237" s="145"/>
      <c r="V237" s="145"/>
      <c r="W237" s="145"/>
      <c r="X237" s="152"/>
      <c r="Y237" s="141"/>
      <c r="Z237" s="135"/>
      <c r="AA237" s="135"/>
      <c r="AB237" s="136"/>
      <c r="AC237" s="141"/>
      <c r="AD237" s="135"/>
      <c r="AE237" s="135"/>
      <c r="AF237" s="136"/>
    </row>
    <row r="238" spans="1:32" ht="18.75" customHeight="1" x14ac:dyDescent="0.15">
      <c r="A238" s="127"/>
      <c r="B238" s="128"/>
      <c r="C238" s="219"/>
      <c r="D238" s="131"/>
      <c r="E238" s="116"/>
      <c r="F238" s="131"/>
      <c r="G238" s="116"/>
      <c r="H238" s="459" t="s">
        <v>100</v>
      </c>
      <c r="I238" s="473" t="s">
        <v>11</v>
      </c>
      <c r="J238" s="428" t="s">
        <v>25</v>
      </c>
      <c r="K238" s="428"/>
      <c r="L238" s="475" t="s">
        <v>11</v>
      </c>
      <c r="M238" s="428" t="s">
        <v>29</v>
      </c>
      <c r="N238" s="428"/>
      <c r="O238" s="153"/>
      <c r="P238" s="153"/>
      <c r="Q238" s="153"/>
      <c r="R238" s="153"/>
      <c r="S238" s="153"/>
      <c r="T238" s="153"/>
      <c r="U238" s="153"/>
      <c r="V238" s="153"/>
      <c r="W238" s="153"/>
      <c r="X238" s="157"/>
      <c r="Y238" s="141"/>
      <c r="Z238" s="135"/>
      <c r="AA238" s="135"/>
      <c r="AB238" s="136"/>
      <c r="AC238" s="141"/>
      <c r="AD238" s="135"/>
      <c r="AE238" s="135"/>
      <c r="AF238" s="136"/>
    </row>
    <row r="239" spans="1:32" ht="18.75" customHeight="1" x14ac:dyDescent="0.15">
      <c r="A239" s="127"/>
      <c r="B239" s="128"/>
      <c r="C239" s="219"/>
      <c r="D239" s="131"/>
      <c r="E239" s="116"/>
      <c r="F239" s="131"/>
      <c r="G239" s="116"/>
      <c r="H239" s="467"/>
      <c r="I239" s="474"/>
      <c r="J239" s="469"/>
      <c r="K239" s="469"/>
      <c r="L239" s="468"/>
      <c r="M239" s="469"/>
      <c r="N239" s="469"/>
      <c r="O239" s="383"/>
      <c r="P239" s="383"/>
      <c r="Q239" s="383"/>
      <c r="R239" s="383"/>
      <c r="S239" s="383"/>
      <c r="T239" s="383"/>
      <c r="U239" s="383"/>
      <c r="V239" s="383"/>
      <c r="W239" s="383"/>
      <c r="X239" s="384"/>
      <c r="Y239" s="141"/>
      <c r="Z239" s="135"/>
      <c r="AA239" s="135"/>
      <c r="AB239" s="136"/>
      <c r="AC239" s="141"/>
      <c r="AD239" s="135"/>
      <c r="AE239" s="135"/>
      <c r="AF239" s="136"/>
    </row>
    <row r="240" spans="1:32" ht="18.75" customHeight="1" x14ac:dyDescent="0.15">
      <c r="A240" s="127"/>
      <c r="B240" s="128"/>
      <c r="C240" s="219"/>
      <c r="D240" s="101"/>
      <c r="E240" s="101"/>
      <c r="F240" s="131"/>
      <c r="G240" s="116"/>
      <c r="H240" s="312" t="s">
        <v>136</v>
      </c>
      <c r="I240" s="368" t="s">
        <v>11</v>
      </c>
      <c r="J240" s="155" t="s">
        <v>58</v>
      </c>
      <c r="K240" s="160"/>
      <c r="L240" s="199"/>
      <c r="M240" s="369" t="s">
        <v>11</v>
      </c>
      <c r="N240" s="155" t="s">
        <v>59</v>
      </c>
      <c r="O240" s="139"/>
      <c r="P240" s="139"/>
      <c r="Q240" s="139"/>
      <c r="R240" s="139"/>
      <c r="S240" s="139"/>
      <c r="T240" s="139"/>
      <c r="U240" s="139"/>
      <c r="V240" s="139"/>
      <c r="W240" s="139"/>
      <c r="X240" s="140"/>
      <c r="Y240" s="141"/>
      <c r="Z240" s="135"/>
      <c r="AA240" s="135"/>
      <c r="AB240" s="136"/>
      <c r="AC240" s="141"/>
      <c r="AD240" s="135"/>
      <c r="AE240" s="135"/>
      <c r="AF240" s="136"/>
    </row>
    <row r="241" spans="1:32" ht="18.75" customHeight="1" x14ac:dyDescent="0.15">
      <c r="A241" s="127"/>
      <c r="B241" s="128"/>
      <c r="C241" s="219"/>
      <c r="D241" s="113" t="s">
        <v>11</v>
      </c>
      <c r="E241" s="116" t="s">
        <v>338</v>
      </c>
      <c r="F241" s="131"/>
      <c r="G241" s="116"/>
      <c r="H241" s="150" t="s">
        <v>97</v>
      </c>
      <c r="I241" s="143" t="s">
        <v>11</v>
      </c>
      <c r="J241" s="144" t="s">
        <v>25</v>
      </c>
      <c r="K241" s="144"/>
      <c r="L241" s="147" t="s">
        <v>11</v>
      </c>
      <c r="M241" s="144" t="s">
        <v>56</v>
      </c>
      <c r="N241" s="144"/>
      <c r="O241" s="147" t="s">
        <v>11</v>
      </c>
      <c r="P241" s="144" t="s">
        <v>57</v>
      </c>
      <c r="Q241" s="200"/>
      <c r="R241" s="200"/>
      <c r="S241" s="200"/>
      <c r="T241" s="200"/>
      <c r="U241" s="200"/>
      <c r="V241" s="200"/>
      <c r="W241" s="200"/>
      <c r="X241" s="201"/>
      <c r="Y241" s="141"/>
      <c r="Z241" s="135"/>
      <c r="AA241" s="135"/>
      <c r="AB241" s="136"/>
      <c r="AC241" s="141"/>
      <c r="AD241" s="135"/>
      <c r="AE241" s="135"/>
      <c r="AF241" s="136"/>
    </row>
    <row r="242" spans="1:32" ht="18.75" customHeight="1" x14ac:dyDescent="0.15">
      <c r="A242" s="127"/>
      <c r="B242" s="128"/>
      <c r="C242" s="219" t="s">
        <v>339</v>
      </c>
      <c r="D242" s="113" t="s">
        <v>11</v>
      </c>
      <c r="E242" s="116" t="s">
        <v>340</v>
      </c>
      <c r="F242" s="113" t="s">
        <v>11</v>
      </c>
      <c r="G242" s="116" t="s">
        <v>341</v>
      </c>
      <c r="H242" s="150" t="s">
        <v>110</v>
      </c>
      <c r="I242" s="143" t="s">
        <v>11</v>
      </c>
      <c r="J242" s="144" t="s">
        <v>25</v>
      </c>
      <c r="K242" s="145"/>
      <c r="L242" s="147" t="s">
        <v>11</v>
      </c>
      <c r="M242" s="144" t="s">
        <v>56</v>
      </c>
      <c r="N242" s="200"/>
      <c r="O242" s="147" t="s">
        <v>11</v>
      </c>
      <c r="P242" s="144" t="s">
        <v>65</v>
      </c>
      <c r="Q242" s="200"/>
      <c r="R242" s="147" t="s">
        <v>11</v>
      </c>
      <c r="S242" s="144" t="s">
        <v>137</v>
      </c>
      <c r="T242" s="200"/>
      <c r="U242" s="147"/>
      <c r="V242" s="144"/>
      <c r="W242" s="200"/>
      <c r="X242" s="147"/>
      <c r="Y242" s="141"/>
      <c r="Z242" s="135"/>
      <c r="AA242" s="135"/>
      <c r="AB242" s="136"/>
      <c r="AC242" s="141"/>
      <c r="AD242" s="135"/>
      <c r="AE242" s="135"/>
      <c r="AF242" s="136"/>
    </row>
    <row r="243" spans="1:32" ht="18.75" customHeight="1" x14ac:dyDescent="0.15">
      <c r="A243" s="113" t="s">
        <v>11</v>
      </c>
      <c r="B243" s="128">
        <v>54</v>
      </c>
      <c r="C243" s="219" t="s">
        <v>342</v>
      </c>
      <c r="D243" s="131"/>
      <c r="E243" s="116" t="s">
        <v>343</v>
      </c>
      <c r="F243" s="113" t="s">
        <v>11</v>
      </c>
      <c r="G243" s="116" t="s">
        <v>344</v>
      </c>
      <c r="H243" s="224" t="s">
        <v>304</v>
      </c>
      <c r="I243" s="143" t="s">
        <v>11</v>
      </c>
      <c r="J243" s="144" t="s">
        <v>25</v>
      </c>
      <c r="K243" s="145"/>
      <c r="L243" s="147" t="s">
        <v>11</v>
      </c>
      <c r="M243" s="144" t="s">
        <v>29</v>
      </c>
      <c r="N243" s="200"/>
      <c r="O243" s="200"/>
      <c r="P243" s="200"/>
      <c r="Q243" s="200"/>
      <c r="R243" s="200"/>
      <c r="S243" s="200"/>
      <c r="T243" s="200"/>
      <c r="U243" s="200"/>
      <c r="V243" s="200"/>
      <c r="W243" s="200"/>
      <c r="X243" s="201"/>
      <c r="Y243" s="141"/>
      <c r="Z243" s="135"/>
      <c r="AA243" s="135"/>
      <c r="AB243" s="136"/>
      <c r="AC243" s="141"/>
      <c r="AD243" s="135"/>
      <c r="AE243" s="135"/>
      <c r="AF243" s="136"/>
    </row>
    <row r="244" spans="1:32" ht="18.75" customHeight="1" x14ac:dyDescent="0.15">
      <c r="A244" s="127"/>
      <c r="B244" s="128"/>
      <c r="C244" s="219" t="s">
        <v>345</v>
      </c>
      <c r="D244" s="113" t="s">
        <v>11</v>
      </c>
      <c r="E244" s="116" t="s">
        <v>346</v>
      </c>
      <c r="F244" s="131"/>
      <c r="G244" s="116"/>
      <c r="H244" s="226" t="s">
        <v>150</v>
      </c>
      <c r="I244" s="143" t="s">
        <v>11</v>
      </c>
      <c r="J244" s="144" t="s">
        <v>25</v>
      </c>
      <c r="K244" s="145"/>
      <c r="L244" s="147" t="s">
        <v>11</v>
      </c>
      <c r="M244" s="144" t="s">
        <v>29</v>
      </c>
      <c r="N244" s="200"/>
      <c r="O244" s="200"/>
      <c r="P244" s="200"/>
      <c r="Q244" s="200"/>
      <c r="R244" s="200"/>
      <c r="S244" s="200"/>
      <c r="T244" s="200"/>
      <c r="U244" s="200"/>
      <c r="V244" s="200"/>
      <c r="W244" s="200"/>
      <c r="X244" s="201"/>
      <c r="Y244" s="141"/>
      <c r="Z244" s="135"/>
      <c r="AA244" s="135"/>
      <c r="AB244" s="136"/>
      <c r="AC244" s="141"/>
      <c r="AD244" s="135"/>
      <c r="AE244" s="135"/>
      <c r="AF244" s="136"/>
    </row>
    <row r="245" spans="1:32" ht="18.75" customHeight="1" x14ac:dyDescent="0.15">
      <c r="A245" s="127"/>
      <c r="B245" s="128"/>
      <c r="C245" s="219"/>
      <c r="D245" s="113" t="s">
        <v>11</v>
      </c>
      <c r="E245" s="116" t="s">
        <v>347</v>
      </c>
      <c r="F245" s="131"/>
      <c r="G245" s="116"/>
      <c r="H245" s="226" t="s">
        <v>138</v>
      </c>
      <c r="I245" s="143" t="s">
        <v>11</v>
      </c>
      <c r="J245" s="144" t="s">
        <v>25</v>
      </c>
      <c r="K245" s="145"/>
      <c r="L245" s="147" t="s">
        <v>11</v>
      </c>
      <c r="M245" s="144" t="s">
        <v>29</v>
      </c>
      <c r="N245" s="200"/>
      <c r="O245" s="200"/>
      <c r="P245" s="200"/>
      <c r="Q245" s="200"/>
      <c r="R245" s="200"/>
      <c r="S245" s="200"/>
      <c r="T245" s="200"/>
      <c r="U245" s="200"/>
      <c r="V245" s="200"/>
      <c r="W245" s="200"/>
      <c r="X245" s="201"/>
      <c r="Y245" s="141"/>
      <c r="Z245" s="135"/>
      <c r="AA245" s="135"/>
      <c r="AB245" s="136"/>
      <c r="AC245" s="141"/>
      <c r="AD245" s="135"/>
      <c r="AE245" s="135"/>
      <c r="AF245" s="136"/>
    </row>
    <row r="246" spans="1:32" ht="18.75" customHeight="1" x14ac:dyDescent="0.15">
      <c r="A246" s="127"/>
      <c r="B246" s="128"/>
      <c r="C246" s="219"/>
      <c r="D246" s="131"/>
      <c r="E246" s="116" t="s">
        <v>348</v>
      </c>
      <c r="F246" s="131"/>
      <c r="G246" s="116"/>
      <c r="H246" s="226" t="s">
        <v>139</v>
      </c>
      <c r="I246" s="143" t="s">
        <v>11</v>
      </c>
      <c r="J246" s="144" t="s">
        <v>25</v>
      </c>
      <c r="K246" s="145"/>
      <c r="L246" s="147" t="s">
        <v>11</v>
      </c>
      <c r="M246" s="144" t="s">
        <v>29</v>
      </c>
      <c r="N246" s="200"/>
      <c r="O246" s="200"/>
      <c r="P246" s="200"/>
      <c r="Q246" s="200"/>
      <c r="R246" s="200"/>
      <c r="S246" s="200"/>
      <c r="T246" s="200"/>
      <c r="U246" s="200"/>
      <c r="V246" s="200"/>
      <c r="W246" s="200"/>
      <c r="X246" s="201"/>
      <c r="Y246" s="141"/>
      <c r="Z246" s="135"/>
      <c r="AA246" s="135"/>
      <c r="AB246" s="136"/>
      <c r="AC246" s="141"/>
      <c r="AD246" s="135"/>
      <c r="AE246" s="135"/>
      <c r="AF246" s="136"/>
    </row>
    <row r="247" spans="1:32" ht="18.75" customHeight="1" x14ac:dyDescent="0.15">
      <c r="A247" s="127"/>
      <c r="B247" s="128"/>
      <c r="C247" s="219"/>
      <c r="D247" s="131"/>
      <c r="E247" s="116"/>
      <c r="F247" s="131"/>
      <c r="G247" s="116"/>
      <c r="H247" s="226" t="s">
        <v>349</v>
      </c>
      <c r="I247" s="164" t="s">
        <v>11</v>
      </c>
      <c r="J247" s="144" t="s">
        <v>25</v>
      </c>
      <c r="K247" s="144"/>
      <c r="L247" s="147" t="s">
        <v>11</v>
      </c>
      <c r="M247" s="144" t="s">
        <v>26</v>
      </c>
      <c r="N247" s="144"/>
      <c r="O247" s="168" t="s">
        <v>11</v>
      </c>
      <c r="P247" s="144" t="s">
        <v>27</v>
      </c>
      <c r="Q247" s="200"/>
      <c r="R247" s="200"/>
      <c r="S247" s="200"/>
      <c r="T247" s="200"/>
      <c r="U247" s="200"/>
      <c r="V247" s="200"/>
      <c r="W247" s="200"/>
      <c r="X247" s="201"/>
      <c r="Y247" s="141"/>
      <c r="Z247" s="135"/>
      <c r="AA247" s="135"/>
      <c r="AB247" s="136"/>
      <c r="AC247" s="141"/>
      <c r="AD247" s="135"/>
      <c r="AE247" s="135"/>
      <c r="AF247" s="136"/>
    </row>
    <row r="248" spans="1:32" ht="18.75" customHeight="1" x14ac:dyDescent="0.15">
      <c r="A248" s="127"/>
      <c r="B248" s="128"/>
      <c r="C248" s="219"/>
      <c r="D248" s="131"/>
      <c r="E248" s="116"/>
      <c r="F248" s="131"/>
      <c r="G248" s="116"/>
      <c r="H248" s="224" t="s">
        <v>140</v>
      </c>
      <c r="I248" s="143" t="s">
        <v>11</v>
      </c>
      <c r="J248" s="144" t="s">
        <v>25</v>
      </c>
      <c r="K248" s="145"/>
      <c r="L248" s="147" t="s">
        <v>11</v>
      </c>
      <c r="M248" s="144" t="s">
        <v>29</v>
      </c>
      <c r="N248" s="200"/>
      <c r="O248" s="200"/>
      <c r="P248" s="200"/>
      <c r="Q248" s="200"/>
      <c r="R248" s="200"/>
      <c r="S248" s="200"/>
      <c r="T248" s="200"/>
      <c r="U248" s="200"/>
      <c r="V248" s="200"/>
      <c r="W248" s="200"/>
      <c r="X248" s="201"/>
      <c r="Y248" s="141"/>
      <c r="Z248" s="135"/>
      <c r="AA248" s="135"/>
      <c r="AB248" s="136"/>
      <c r="AC248" s="141"/>
      <c r="AD248" s="135"/>
      <c r="AE248" s="135"/>
      <c r="AF248" s="136"/>
    </row>
    <row r="249" spans="1:32" ht="18.75" customHeight="1" x14ac:dyDescent="0.15">
      <c r="A249" s="127"/>
      <c r="B249" s="128"/>
      <c r="C249" s="219"/>
      <c r="D249" s="131"/>
      <c r="E249" s="116"/>
      <c r="F249" s="131"/>
      <c r="G249" s="116"/>
      <c r="H249" s="226" t="s">
        <v>102</v>
      </c>
      <c r="I249" s="143" t="s">
        <v>11</v>
      </c>
      <c r="J249" s="144" t="s">
        <v>25</v>
      </c>
      <c r="K249" s="145"/>
      <c r="L249" s="147" t="s">
        <v>11</v>
      </c>
      <c r="M249" s="144" t="s">
        <v>29</v>
      </c>
      <c r="N249" s="200"/>
      <c r="O249" s="200"/>
      <c r="P249" s="200"/>
      <c r="Q249" s="200"/>
      <c r="R249" s="200"/>
      <c r="S249" s="200"/>
      <c r="T249" s="200"/>
      <c r="U249" s="200"/>
      <c r="V249" s="200"/>
      <c r="W249" s="200"/>
      <c r="X249" s="201"/>
      <c r="Y249" s="141"/>
      <c r="Z249" s="135"/>
      <c r="AA249" s="135"/>
      <c r="AB249" s="136"/>
      <c r="AC249" s="141"/>
      <c r="AD249" s="135"/>
      <c r="AE249" s="135"/>
      <c r="AF249" s="136"/>
    </row>
    <row r="250" spans="1:32" ht="18.75" customHeight="1" x14ac:dyDescent="0.15">
      <c r="A250" s="127"/>
      <c r="B250" s="128"/>
      <c r="C250" s="219"/>
      <c r="D250" s="131"/>
      <c r="E250" s="116"/>
      <c r="F250" s="131"/>
      <c r="G250" s="116"/>
      <c r="H250" s="226" t="s">
        <v>141</v>
      </c>
      <c r="I250" s="143" t="s">
        <v>11</v>
      </c>
      <c r="J250" s="144" t="s">
        <v>25</v>
      </c>
      <c r="K250" s="145"/>
      <c r="L250" s="147" t="s">
        <v>11</v>
      </c>
      <c r="M250" s="144" t="s">
        <v>29</v>
      </c>
      <c r="N250" s="200"/>
      <c r="O250" s="200"/>
      <c r="P250" s="200"/>
      <c r="Q250" s="200"/>
      <c r="R250" s="200"/>
      <c r="S250" s="200"/>
      <c r="T250" s="200"/>
      <c r="U250" s="200"/>
      <c r="V250" s="200"/>
      <c r="W250" s="200"/>
      <c r="X250" s="201"/>
      <c r="Y250" s="141"/>
      <c r="Z250" s="135"/>
      <c r="AA250" s="135"/>
      <c r="AB250" s="136"/>
      <c r="AC250" s="141"/>
      <c r="AD250" s="135"/>
      <c r="AE250" s="135"/>
      <c r="AF250" s="136"/>
    </row>
    <row r="251" spans="1:32" ht="18.75" customHeight="1" x14ac:dyDescent="0.15">
      <c r="A251" s="127"/>
      <c r="B251" s="128"/>
      <c r="C251" s="219"/>
      <c r="D251" s="131"/>
      <c r="E251" s="116"/>
      <c r="F251" s="131"/>
      <c r="G251" s="116"/>
      <c r="H251" s="226" t="s">
        <v>142</v>
      </c>
      <c r="I251" s="164" t="s">
        <v>11</v>
      </c>
      <c r="J251" s="144" t="s">
        <v>25</v>
      </c>
      <c r="K251" s="144"/>
      <c r="L251" s="147" t="s">
        <v>11</v>
      </c>
      <c r="M251" s="144" t="s">
        <v>26</v>
      </c>
      <c r="N251" s="144"/>
      <c r="O251" s="168" t="s">
        <v>11</v>
      </c>
      <c r="P251" s="144" t="s">
        <v>27</v>
      </c>
      <c r="Q251" s="200"/>
      <c r="R251" s="200"/>
      <c r="S251" s="200"/>
      <c r="T251" s="200"/>
      <c r="U251" s="200"/>
      <c r="V251" s="200"/>
      <c r="W251" s="200"/>
      <c r="X251" s="201"/>
      <c r="Y251" s="141"/>
      <c r="Z251" s="135"/>
      <c r="AA251" s="135"/>
      <c r="AB251" s="136"/>
      <c r="AC251" s="141"/>
      <c r="AD251" s="135"/>
      <c r="AE251" s="135"/>
      <c r="AF251" s="136"/>
    </row>
    <row r="252" spans="1:32" ht="18.75" customHeight="1" x14ac:dyDescent="0.15">
      <c r="A252" s="127"/>
      <c r="B252" s="128"/>
      <c r="C252" s="219"/>
      <c r="D252" s="131"/>
      <c r="E252" s="116"/>
      <c r="F252" s="131"/>
      <c r="G252" s="116"/>
      <c r="H252" s="226" t="s">
        <v>143</v>
      </c>
      <c r="I252" s="143" t="s">
        <v>11</v>
      </c>
      <c r="J252" s="144" t="s">
        <v>58</v>
      </c>
      <c r="K252" s="145"/>
      <c r="L252" s="146"/>
      <c r="M252" s="147" t="s">
        <v>11</v>
      </c>
      <c r="N252" s="144" t="s">
        <v>59</v>
      </c>
      <c r="O252" s="148"/>
      <c r="P252" s="148"/>
      <c r="Q252" s="148"/>
      <c r="R252" s="148"/>
      <c r="S252" s="148"/>
      <c r="T252" s="148"/>
      <c r="U252" s="148"/>
      <c r="V252" s="148"/>
      <c r="W252" s="148"/>
      <c r="X252" s="149"/>
      <c r="Y252" s="141"/>
      <c r="Z252" s="135"/>
      <c r="AA252" s="135"/>
      <c r="AB252" s="136"/>
      <c r="AC252" s="141"/>
      <c r="AD252" s="135"/>
      <c r="AE252" s="135"/>
      <c r="AF252" s="136"/>
    </row>
    <row r="253" spans="1:32" ht="18.75" customHeight="1" x14ac:dyDescent="0.15">
      <c r="A253" s="127"/>
      <c r="B253" s="128"/>
      <c r="C253" s="219"/>
      <c r="D253" s="131"/>
      <c r="E253" s="116"/>
      <c r="F253" s="131"/>
      <c r="G253" s="116"/>
      <c r="H253" s="226" t="s">
        <v>350</v>
      </c>
      <c r="I253" s="143" t="s">
        <v>11</v>
      </c>
      <c r="J253" s="144" t="s">
        <v>25</v>
      </c>
      <c r="K253" s="145"/>
      <c r="L253" s="147" t="s">
        <v>11</v>
      </c>
      <c r="M253" s="144" t="s">
        <v>29</v>
      </c>
      <c r="N253" s="200"/>
      <c r="O253" s="200"/>
      <c r="P253" s="200"/>
      <c r="Q253" s="200"/>
      <c r="R253" s="200"/>
      <c r="S253" s="200"/>
      <c r="T253" s="200"/>
      <c r="U253" s="200"/>
      <c r="V253" s="200"/>
      <c r="W253" s="200"/>
      <c r="X253" s="201"/>
      <c r="Y253" s="141"/>
      <c r="Z253" s="135"/>
      <c r="AA253" s="135"/>
      <c r="AB253" s="136"/>
      <c r="AC253" s="141"/>
      <c r="AD253" s="135"/>
      <c r="AE253" s="135"/>
      <c r="AF253" s="136"/>
    </row>
    <row r="254" spans="1:32" ht="18.75" customHeight="1" x14ac:dyDescent="0.15">
      <c r="A254" s="127"/>
      <c r="B254" s="128"/>
      <c r="C254" s="219"/>
      <c r="D254" s="131"/>
      <c r="E254" s="116"/>
      <c r="F254" s="131"/>
      <c r="G254" s="116"/>
      <c r="H254" s="226" t="s">
        <v>36</v>
      </c>
      <c r="I254" s="164" t="s">
        <v>11</v>
      </c>
      <c r="J254" s="144" t="s">
        <v>25</v>
      </c>
      <c r="K254" s="144"/>
      <c r="L254" s="147" t="s">
        <v>11</v>
      </c>
      <c r="M254" s="144" t="s">
        <v>26</v>
      </c>
      <c r="N254" s="144"/>
      <c r="O254" s="168" t="s">
        <v>11</v>
      </c>
      <c r="P254" s="144" t="s">
        <v>27</v>
      </c>
      <c r="Q254" s="200"/>
      <c r="R254" s="200"/>
      <c r="S254" s="200"/>
      <c r="T254" s="200"/>
      <c r="U254" s="200"/>
      <c r="V254" s="200"/>
      <c r="W254" s="200"/>
      <c r="X254" s="201"/>
      <c r="Y254" s="141"/>
      <c r="Z254" s="135"/>
      <c r="AA254" s="135"/>
      <c r="AB254" s="136"/>
      <c r="AC254" s="141"/>
      <c r="AD254" s="135"/>
      <c r="AE254" s="135"/>
      <c r="AF254" s="136"/>
    </row>
    <row r="255" spans="1:32" ht="18.75" customHeight="1" x14ac:dyDescent="0.15">
      <c r="A255" s="127"/>
      <c r="B255" s="128"/>
      <c r="C255" s="219"/>
      <c r="D255" s="131"/>
      <c r="E255" s="116"/>
      <c r="F255" s="131"/>
      <c r="G255" s="116"/>
      <c r="H255" s="224" t="s">
        <v>144</v>
      </c>
      <c r="I255" s="143" t="s">
        <v>11</v>
      </c>
      <c r="J255" s="144" t="s">
        <v>25</v>
      </c>
      <c r="K255" s="144"/>
      <c r="L255" s="147" t="s">
        <v>11</v>
      </c>
      <c r="M255" s="144" t="s">
        <v>26</v>
      </c>
      <c r="N255" s="144"/>
      <c r="O255" s="147" t="s">
        <v>11</v>
      </c>
      <c r="P255" s="144" t="s">
        <v>27</v>
      </c>
      <c r="Q255" s="145"/>
      <c r="R255" s="145"/>
      <c r="S255" s="145"/>
      <c r="T255" s="145"/>
      <c r="U255" s="145"/>
      <c r="V255" s="145"/>
      <c r="W255" s="145"/>
      <c r="X255" s="152"/>
      <c r="Y255" s="141"/>
      <c r="Z255" s="135"/>
      <c r="AA255" s="135"/>
      <c r="AB255" s="136"/>
      <c r="AC255" s="141"/>
      <c r="AD255" s="135"/>
      <c r="AE255" s="135"/>
      <c r="AF255" s="136"/>
    </row>
    <row r="256" spans="1:32" ht="18.75" customHeight="1" x14ac:dyDescent="0.15">
      <c r="A256" s="127"/>
      <c r="B256" s="128"/>
      <c r="C256" s="219"/>
      <c r="D256" s="131"/>
      <c r="E256" s="116"/>
      <c r="F256" s="131"/>
      <c r="G256" s="116"/>
      <c r="H256" s="224" t="s">
        <v>145</v>
      </c>
      <c r="I256" s="143" t="s">
        <v>11</v>
      </c>
      <c r="J256" s="144" t="s">
        <v>25</v>
      </c>
      <c r="K256" s="145"/>
      <c r="L256" s="147" t="s">
        <v>11</v>
      </c>
      <c r="M256" s="144" t="s">
        <v>29</v>
      </c>
      <c r="N256" s="200"/>
      <c r="O256" s="200"/>
      <c r="P256" s="200"/>
      <c r="Q256" s="200"/>
      <c r="R256" s="200"/>
      <c r="S256" s="200"/>
      <c r="T256" s="200"/>
      <c r="U256" s="200"/>
      <c r="V256" s="200"/>
      <c r="W256" s="200"/>
      <c r="X256" s="201"/>
      <c r="Y256" s="141"/>
      <c r="Z256" s="135"/>
      <c r="AA256" s="135"/>
      <c r="AB256" s="136"/>
      <c r="AC256" s="141"/>
      <c r="AD256" s="135"/>
      <c r="AE256" s="135"/>
      <c r="AF256" s="136"/>
    </row>
    <row r="257" spans="1:32" ht="18.75" customHeight="1" x14ac:dyDescent="0.15">
      <c r="A257" s="127"/>
      <c r="B257" s="128"/>
      <c r="C257" s="219"/>
      <c r="D257" s="131"/>
      <c r="E257" s="116"/>
      <c r="F257" s="131"/>
      <c r="G257" s="116"/>
      <c r="H257" s="221" t="s">
        <v>146</v>
      </c>
      <c r="I257" s="143" t="s">
        <v>11</v>
      </c>
      <c r="J257" s="144" t="s">
        <v>25</v>
      </c>
      <c r="K257" s="145"/>
      <c r="L257" s="147" t="s">
        <v>11</v>
      </c>
      <c r="M257" s="144" t="s">
        <v>29</v>
      </c>
      <c r="N257" s="200"/>
      <c r="O257" s="200"/>
      <c r="P257" s="200"/>
      <c r="Q257" s="200"/>
      <c r="R257" s="200"/>
      <c r="S257" s="200"/>
      <c r="T257" s="200"/>
      <c r="U257" s="200"/>
      <c r="V257" s="200"/>
      <c r="W257" s="200"/>
      <c r="X257" s="201"/>
      <c r="Y257" s="141"/>
      <c r="Z257" s="135"/>
      <c r="AA257" s="135"/>
      <c r="AB257" s="136"/>
      <c r="AC257" s="141"/>
      <c r="AD257" s="135"/>
      <c r="AE257" s="135"/>
      <c r="AF257" s="136"/>
    </row>
    <row r="258" spans="1:32" ht="18.75" customHeight="1" x14ac:dyDescent="0.15">
      <c r="A258" s="127"/>
      <c r="B258" s="128"/>
      <c r="C258" s="219"/>
      <c r="D258" s="131"/>
      <c r="E258" s="116"/>
      <c r="F258" s="131"/>
      <c r="G258" s="116"/>
      <c r="H258" s="224" t="s">
        <v>147</v>
      </c>
      <c r="I258" s="143" t="s">
        <v>11</v>
      </c>
      <c r="J258" s="144" t="s">
        <v>25</v>
      </c>
      <c r="K258" s="145"/>
      <c r="L258" s="147" t="s">
        <v>11</v>
      </c>
      <c r="M258" s="144" t="s">
        <v>29</v>
      </c>
      <c r="N258" s="200"/>
      <c r="O258" s="200"/>
      <c r="P258" s="200"/>
      <c r="Q258" s="200"/>
      <c r="R258" s="200"/>
      <c r="S258" s="200"/>
      <c r="T258" s="200"/>
      <c r="U258" s="200"/>
      <c r="V258" s="200"/>
      <c r="W258" s="200"/>
      <c r="X258" s="201"/>
      <c r="Y258" s="141"/>
      <c r="Z258" s="135"/>
      <c r="AA258" s="135"/>
      <c r="AB258" s="136"/>
      <c r="AC258" s="141"/>
      <c r="AD258" s="135"/>
      <c r="AE258" s="135"/>
      <c r="AF258" s="136"/>
    </row>
    <row r="259" spans="1:32" ht="18.75" customHeight="1" x14ac:dyDescent="0.15">
      <c r="A259" s="127"/>
      <c r="B259" s="128"/>
      <c r="C259" s="219"/>
      <c r="D259" s="131"/>
      <c r="E259" s="116"/>
      <c r="F259" s="131"/>
      <c r="G259" s="116"/>
      <c r="H259" s="224" t="s">
        <v>84</v>
      </c>
      <c r="I259" s="143" t="s">
        <v>11</v>
      </c>
      <c r="J259" s="144" t="s">
        <v>25</v>
      </c>
      <c r="K259" s="145"/>
      <c r="L259" s="147" t="s">
        <v>11</v>
      </c>
      <c r="M259" s="144" t="s">
        <v>29</v>
      </c>
      <c r="N259" s="200"/>
      <c r="O259" s="200"/>
      <c r="P259" s="200"/>
      <c r="Q259" s="200"/>
      <c r="R259" s="200"/>
      <c r="S259" s="200"/>
      <c r="T259" s="200"/>
      <c r="U259" s="200"/>
      <c r="V259" s="200"/>
      <c r="W259" s="200"/>
      <c r="X259" s="201"/>
      <c r="Y259" s="141"/>
      <c r="Z259" s="135"/>
      <c r="AA259" s="135"/>
      <c r="AB259" s="136"/>
      <c r="AC259" s="141"/>
      <c r="AD259" s="135"/>
      <c r="AE259" s="135"/>
      <c r="AF259" s="136"/>
    </row>
    <row r="260" spans="1:32" ht="18.75" customHeight="1" x14ac:dyDescent="0.15">
      <c r="A260" s="127"/>
      <c r="B260" s="128"/>
      <c r="C260" s="219"/>
      <c r="D260" s="131"/>
      <c r="E260" s="116"/>
      <c r="F260" s="131"/>
      <c r="G260" s="116"/>
      <c r="H260" s="224" t="s">
        <v>148</v>
      </c>
      <c r="I260" s="143" t="s">
        <v>11</v>
      </c>
      <c r="J260" s="144" t="s">
        <v>25</v>
      </c>
      <c r="K260" s="145"/>
      <c r="L260" s="147" t="s">
        <v>11</v>
      </c>
      <c r="M260" s="144" t="s">
        <v>29</v>
      </c>
      <c r="N260" s="200"/>
      <c r="O260" s="200"/>
      <c r="P260" s="200"/>
      <c r="Q260" s="200"/>
      <c r="R260" s="200"/>
      <c r="S260" s="200"/>
      <c r="T260" s="200"/>
      <c r="U260" s="200"/>
      <c r="V260" s="200"/>
      <c r="W260" s="200"/>
      <c r="X260" s="201"/>
      <c r="Y260" s="141"/>
      <c r="Z260" s="135"/>
      <c r="AA260" s="135"/>
      <c r="AB260" s="136"/>
      <c r="AC260" s="141"/>
      <c r="AD260" s="135"/>
      <c r="AE260" s="135"/>
      <c r="AF260" s="136"/>
    </row>
    <row r="261" spans="1:32" ht="18.75" customHeight="1" x14ac:dyDescent="0.15">
      <c r="A261" s="127"/>
      <c r="B261" s="128"/>
      <c r="C261" s="219"/>
      <c r="D261" s="113"/>
      <c r="E261" s="116"/>
      <c r="F261" s="131"/>
      <c r="G261" s="116"/>
      <c r="H261" s="224" t="s">
        <v>116</v>
      </c>
      <c r="I261" s="143" t="s">
        <v>11</v>
      </c>
      <c r="J261" s="144" t="s">
        <v>25</v>
      </c>
      <c r="K261" s="144"/>
      <c r="L261" s="147" t="s">
        <v>11</v>
      </c>
      <c r="M261" s="155" t="s">
        <v>29</v>
      </c>
      <c r="N261" s="144"/>
      <c r="O261" s="144"/>
      <c r="P261" s="144"/>
      <c r="Q261" s="145"/>
      <c r="R261" s="145"/>
      <c r="S261" s="145"/>
      <c r="T261" s="145"/>
      <c r="U261" s="145"/>
      <c r="V261" s="145"/>
      <c r="W261" s="145"/>
      <c r="X261" s="152"/>
      <c r="Y261" s="141"/>
      <c r="Z261" s="135"/>
      <c r="AA261" s="135"/>
      <c r="AB261" s="136"/>
      <c r="AC261" s="141"/>
      <c r="AD261" s="135"/>
      <c r="AE261" s="135"/>
      <c r="AF261" s="136"/>
    </row>
    <row r="262" spans="1:32" ht="18.75" customHeight="1" x14ac:dyDescent="0.15">
      <c r="A262" s="127"/>
      <c r="B262" s="128"/>
      <c r="C262" s="219"/>
      <c r="D262" s="113"/>
      <c r="E262" s="116"/>
      <c r="F262" s="131"/>
      <c r="G262" s="116"/>
      <c r="H262" s="224" t="s">
        <v>117</v>
      </c>
      <c r="I262" s="143" t="s">
        <v>11</v>
      </c>
      <c r="J262" s="144" t="s">
        <v>25</v>
      </c>
      <c r="K262" s="144"/>
      <c r="L262" s="147" t="s">
        <v>11</v>
      </c>
      <c r="M262" s="155" t="s">
        <v>29</v>
      </c>
      <c r="N262" s="144"/>
      <c r="O262" s="144"/>
      <c r="P262" s="144"/>
      <c r="Q262" s="145"/>
      <c r="R262" s="145"/>
      <c r="S262" s="145"/>
      <c r="T262" s="145"/>
      <c r="U262" s="145"/>
      <c r="V262" s="145"/>
      <c r="W262" s="145"/>
      <c r="X262" s="152"/>
      <c r="Y262" s="141"/>
      <c r="Z262" s="135"/>
      <c r="AA262" s="135"/>
      <c r="AB262" s="136"/>
      <c r="AC262" s="141"/>
      <c r="AD262" s="135"/>
      <c r="AE262" s="135"/>
      <c r="AF262" s="136"/>
    </row>
    <row r="263" spans="1:32" ht="18.75" customHeight="1" x14ac:dyDescent="0.15">
      <c r="A263" s="113"/>
      <c r="B263" s="128"/>
      <c r="C263" s="219"/>
      <c r="D263" s="113"/>
      <c r="E263" s="116"/>
      <c r="F263" s="131"/>
      <c r="G263" s="238"/>
      <c r="H263" s="228" t="s">
        <v>103</v>
      </c>
      <c r="I263" s="143" t="s">
        <v>11</v>
      </c>
      <c r="J263" s="144" t="s">
        <v>25</v>
      </c>
      <c r="K263" s="144"/>
      <c r="L263" s="147" t="s">
        <v>11</v>
      </c>
      <c r="M263" s="144" t="s">
        <v>26</v>
      </c>
      <c r="N263" s="144"/>
      <c r="O263" s="147" t="s">
        <v>11</v>
      </c>
      <c r="P263" s="144" t="s">
        <v>27</v>
      </c>
      <c r="Q263" s="148"/>
      <c r="R263" s="148"/>
      <c r="S263" s="148"/>
      <c r="T263" s="148"/>
      <c r="U263" s="169"/>
      <c r="V263" s="169"/>
      <c r="W263" s="169"/>
      <c r="X263" s="170"/>
      <c r="Y263" s="141"/>
      <c r="Z263" s="135"/>
      <c r="AA263" s="135"/>
      <c r="AB263" s="136"/>
      <c r="AC263" s="141"/>
      <c r="AD263" s="135"/>
      <c r="AE263" s="135"/>
      <c r="AF263" s="136"/>
    </row>
    <row r="264" spans="1:32" ht="18.75" customHeight="1" x14ac:dyDescent="0.15">
      <c r="A264" s="127"/>
      <c r="B264" s="128"/>
      <c r="C264" s="219"/>
      <c r="D264" s="131"/>
      <c r="E264" s="116"/>
      <c r="F264" s="131"/>
      <c r="G264" s="116"/>
      <c r="H264" s="226" t="s">
        <v>85</v>
      </c>
      <c r="I264" s="143" t="s">
        <v>11</v>
      </c>
      <c r="J264" s="144" t="s">
        <v>25</v>
      </c>
      <c r="K264" s="144"/>
      <c r="L264" s="147" t="s">
        <v>11</v>
      </c>
      <c r="M264" s="144" t="s">
        <v>86</v>
      </c>
      <c r="N264" s="144"/>
      <c r="O264" s="147" t="s">
        <v>11</v>
      </c>
      <c r="P264" s="144" t="s">
        <v>87</v>
      </c>
      <c r="Q264" s="200"/>
      <c r="R264" s="147" t="s">
        <v>11</v>
      </c>
      <c r="S264" s="144" t="s">
        <v>88</v>
      </c>
      <c r="T264" s="200"/>
      <c r="U264" s="200"/>
      <c r="V264" s="200"/>
      <c r="W264" s="200"/>
      <c r="X264" s="201"/>
      <c r="Y264" s="141"/>
      <c r="Z264" s="135"/>
      <c r="AA264" s="135"/>
      <c r="AB264" s="136"/>
      <c r="AC264" s="141"/>
      <c r="AD264" s="135"/>
      <c r="AE264" s="135"/>
      <c r="AF264" s="136"/>
    </row>
    <row r="265" spans="1:32" ht="18.75" customHeight="1" x14ac:dyDescent="0.15">
      <c r="A265" s="127"/>
      <c r="B265" s="128"/>
      <c r="C265" s="129"/>
      <c r="D265" s="130"/>
      <c r="E265" s="116"/>
      <c r="F265" s="131"/>
      <c r="G265" s="132"/>
      <c r="H265" s="395" t="s">
        <v>37</v>
      </c>
      <c r="I265" s="164" t="s">
        <v>11</v>
      </c>
      <c r="J265" s="153" t="s">
        <v>25</v>
      </c>
      <c r="K265" s="153"/>
      <c r="L265" s="165"/>
      <c r="M265" s="166"/>
      <c r="N265" s="166"/>
      <c r="O265" s="165"/>
      <c r="P265" s="166"/>
      <c r="Q265" s="167"/>
      <c r="R265" s="165"/>
      <c r="S265" s="166"/>
      <c r="T265" s="167"/>
      <c r="U265" s="168" t="s">
        <v>11</v>
      </c>
      <c r="V265" s="153" t="s">
        <v>38</v>
      </c>
      <c r="W265" s="169"/>
      <c r="X265" s="170"/>
      <c r="Y265" s="244"/>
      <c r="Z265" s="244"/>
      <c r="AA265" s="244"/>
      <c r="AB265" s="136"/>
      <c r="AC265" s="141"/>
      <c r="AD265" s="244"/>
      <c r="AE265" s="244"/>
      <c r="AF265" s="136"/>
    </row>
    <row r="266" spans="1:32" ht="18.75" customHeight="1" x14ac:dyDescent="0.15">
      <c r="A266" s="127"/>
      <c r="B266" s="128"/>
      <c r="C266" s="129"/>
      <c r="D266" s="130"/>
      <c r="E266" s="116"/>
      <c r="F266" s="131"/>
      <c r="G266" s="132"/>
      <c r="H266" s="395"/>
      <c r="I266" s="113" t="s">
        <v>11</v>
      </c>
      <c r="J266" s="243" t="s">
        <v>39</v>
      </c>
      <c r="K266" s="243"/>
      <c r="L266" s="245"/>
      <c r="M266" s="245" t="s">
        <v>11</v>
      </c>
      <c r="N266" s="243" t="s">
        <v>40</v>
      </c>
      <c r="O266" s="245"/>
      <c r="P266" s="245"/>
      <c r="Q266" s="245" t="s">
        <v>11</v>
      </c>
      <c r="R266" s="243" t="s">
        <v>41</v>
      </c>
      <c r="S266" s="246"/>
      <c r="T266" s="243"/>
      <c r="U266" s="245" t="s">
        <v>11</v>
      </c>
      <c r="V266" s="243" t="s">
        <v>42</v>
      </c>
      <c r="W266" s="247"/>
      <c r="X266" s="134"/>
      <c r="Y266" s="244"/>
      <c r="Z266" s="244"/>
      <c r="AA266" s="244"/>
      <c r="AB266" s="136"/>
      <c r="AC266" s="141"/>
      <c r="AD266" s="244"/>
      <c r="AE266" s="244"/>
      <c r="AF266" s="136"/>
    </row>
    <row r="267" spans="1:32" ht="18.75" customHeight="1" x14ac:dyDescent="0.15">
      <c r="A267" s="127"/>
      <c r="B267" s="128"/>
      <c r="C267" s="129"/>
      <c r="D267" s="130"/>
      <c r="E267" s="116"/>
      <c r="F267" s="131"/>
      <c r="G267" s="132"/>
      <c r="H267" s="395"/>
      <c r="I267" s="113" t="s">
        <v>11</v>
      </c>
      <c r="J267" s="243" t="s">
        <v>43</v>
      </c>
      <c r="K267" s="243"/>
      <c r="L267" s="245"/>
      <c r="M267" s="245" t="s">
        <v>11</v>
      </c>
      <c r="N267" s="243" t="s">
        <v>44</v>
      </c>
      <c r="O267" s="245"/>
      <c r="P267" s="245"/>
      <c r="Q267" s="245" t="s">
        <v>11</v>
      </c>
      <c r="R267" s="243" t="s">
        <v>45</v>
      </c>
      <c r="S267" s="246"/>
      <c r="T267" s="243"/>
      <c r="U267" s="245" t="s">
        <v>11</v>
      </c>
      <c r="V267" s="243" t="s">
        <v>46</v>
      </c>
      <c r="W267" s="247"/>
      <c r="X267" s="134"/>
      <c r="Y267" s="244"/>
      <c r="Z267" s="244"/>
      <c r="AA267" s="244"/>
      <c r="AB267" s="136"/>
      <c r="AC267" s="141"/>
      <c r="AD267" s="244"/>
      <c r="AE267" s="244"/>
      <c r="AF267" s="136"/>
    </row>
    <row r="268" spans="1:32" ht="18.75" customHeight="1" x14ac:dyDescent="0.15">
      <c r="A268" s="127"/>
      <c r="B268" s="128"/>
      <c r="C268" s="129"/>
      <c r="D268" s="130"/>
      <c r="E268" s="116"/>
      <c r="F268" s="131"/>
      <c r="G268" s="132"/>
      <c r="H268" s="395"/>
      <c r="I268" s="113" t="s">
        <v>11</v>
      </c>
      <c r="J268" s="243" t="s">
        <v>47</v>
      </c>
      <c r="K268" s="243"/>
      <c r="L268" s="245"/>
      <c r="M268" s="245" t="s">
        <v>11</v>
      </c>
      <c r="N268" s="243" t="s">
        <v>48</v>
      </c>
      <c r="O268" s="245"/>
      <c r="P268" s="245"/>
      <c r="Q268" s="245" t="s">
        <v>11</v>
      </c>
      <c r="R268" s="243" t="s">
        <v>49</v>
      </c>
      <c r="S268" s="246"/>
      <c r="T268" s="243"/>
      <c r="U268" s="245" t="s">
        <v>11</v>
      </c>
      <c r="V268" s="243" t="s">
        <v>50</v>
      </c>
      <c r="W268" s="247"/>
      <c r="X268" s="134"/>
      <c r="Y268" s="244"/>
      <c r="Z268" s="244"/>
      <c r="AA268" s="244"/>
      <c r="AB268" s="136"/>
      <c r="AC268" s="141"/>
      <c r="AD268" s="244"/>
      <c r="AE268" s="244"/>
      <c r="AF268" s="136"/>
    </row>
    <row r="269" spans="1:32" ht="18.75" customHeight="1" x14ac:dyDescent="0.15">
      <c r="A269" s="127"/>
      <c r="B269" s="128"/>
      <c r="C269" s="129"/>
      <c r="D269" s="130"/>
      <c r="E269" s="116"/>
      <c r="F269" s="131"/>
      <c r="G269" s="132"/>
      <c r="H269" s="395"/>
      <c r="I269" s="113" t="s">
        <v>11</v>
      </c>
      <c r="J269" s="243" t="s">
        <v>51</v>
      </c>
      <c r="K269" s="243"/>
      <c r="L269" s="245"/>
      <c r="M269" s="245" t="s">
        <v>11</v>
      </c>
      <c r="N269" s="243" t="s">
        <v>52</v>
      </c>
      <c r="O269" s="245"/>
      <c r="P269" s="245"/>
      <c r="Q269" s="245" t="s">
        <v>11</v>
      </c>
      <c r="R269" s="243" t="s">
        <v>53</v>
      </c>
      <c r="S269" s="246"/>
      <c r="T269" s="243"/>
      <c r="U269" s="245" t="s">
        <v>11</v>
      </c>
      <c r="V269" s="243" t="s">
        <v>54</v>
      </c>
      <c r="W269" s="247"/>
      <c r="X269" s="134"/>
      <c r="Y269" s="244"/>
      <c r="Z269" s="244"/>
      <c r="AA269" s="244"/>
      <c r="AB269" s="136"/>
      <c r="AC269" s="141"/>
      <c r="AD269" s="244"/>
      <c r="AE269" s="244"/>
      <c r="AF269" s="136"/>
    </row>
    <row r="270" spans="1:32" ht="18.75" customHeight="1" x14ac:dyDescent="0.15">
      <c r="A270" s="171"/>
      <c r="B270" s="172"/>
      <c r="C270" s="173"/>
      <c r="D270" s="174"/>
      <c r="E270" s="175"/>
      <c r="F270" s="176"/>
      <c r="G270" s="177"/>
      <c r="H270" s="459"/>
      <c r="I270" s="178" t="s">
        <v>11</v>
      </c>
      <c r="J270" s="179" t="s">
        <v>55</v>
      </c>
      <c r="K270" s="179"/>
      <c r="L270" s="180"/>
      <c r="M270" s="180"/>
      <c r="N270" s="179"/>
      <c r="O270" s="180"/>
      <c r="P270" s="180"/>
      <c r="Q270" s="180"/>
      <c r="R270" s="179"/>
      <c r="S270" s="181"/>
      <c r="T270" s="179"/>
      <c r="U270" s="180"/>
      <c r="V270" s="179"/>
      <c r="W270" s="182"/>
      <c r="X270" s="183"/>
      <c r="Y270" s="184"/>
      <c r="Z270" s="184"/>
      <c r="AA270" s="184"/>
      <c r="AB270" s="185"/>
      <c r="AC270" s="186"/>
      <c r="AD270" s="184"/>
      <c r="AE270" s="184"/>
      <c r="AF270" s="185"/>
    </row>
    <row r="271" spans="1:32" ht="18.75" customHeight="1" x14ac:dyDescent="0.15">
      <c r="A271" s="117"/>
      <c r="B271" s="118"/>
      <c r="C271" s="216"/>
      <c r="D271" s="121"/>
      <c r="E271" s="112"/>
      <c r="F271" s="121"/>
      <c r="G271" s="125"/>
      <c r="H271" s="317" t="s">
        <v>308</v>
      </c>
      <c r="I271" s="187" t="s">
        <v>11</v>
      </c>
      <c r="J271" s="188" t="s">
        <v>25</v>
      </c>
      <c r="K271" s="188"/>
      <c r="L271" s="190"/>
      <c r="M271" s="191" t="s">
        <v>11</v>
      </c>
      <c r="N271" s="188" t="s">
        <v>67</v>
      </c>
      <c r="O271" s="188"/>
      <c r="P271" s="190"/>
      <c r="Q271" s="191" t="s">
        <v>11</v>
      </c>
      <c r="R271" s="217" t="s">
        <v>68</v>
      </c>
      <c r="S271" s="217"/>
      <c r="T271" s="217"/>
      <c r="U271" s="217"/>
      <c r="V271" s="217"/>
      <c r="W271" s="217"/>
      <c r="X271" s="218"/>
      <c r="Y271" s="194" t="s">
        <v>11</v>
      </c>
      <c r="Z271" s="110" t="s">
        <v>20</v>
      </c>
      <c r="AA271" s="110"/>
      <c r="AB271" s="126"/>
      <c r="AC271" s="194" t="s">
        <v>11</v>
      </c>
      <c r="AD271" s="110" t="s">
        <v>20</v>
      </c>
      <c r="AE271" s="110"/>
      <c r="AF271" s="126"/>
    </row>
    <row r="272" spans="1:32" ht="19.5" customHeight="1" x14ac:dyDescent="0.15">
      <c r="A272" s="127"/>
      <c r="B272" s="128"/>
      <c r="C272" s="129"/>
      <c r="D272" s="130"/>
      <c r="E272" s="116"/>
      <c r="F272" s="131"/>
      <c r="G272" s="132"/>
      <c r="H272" s="142" t="s">
        <v>22</v>
      </c>
      <c r="I272" s="143" t="s">
        <v>11</v>
      </c>
      <c r="J272" s="144" t="s">
        <v>23</v>
      </c>
      <c r="K272" s="145"/>
      <c r="L272" s="146"/>
      <c r="M272" s="147" t="s">
        <v>11</v>
      </c>
      <c r="N272" s="144" t="s">
        <v>24</v>
      </c>
      <c r="O272" s="147"/>
      <c r="P272" s="144"/>
      <c r="Q272" s="148"/>
      <c r="R272" s="148"/>
      <c r="S272" s="148"/>
      <c r="T272" s="148"/>
      <c r="U272" s="148"/>
      <c r="V272" s="148"/>
      <c r="W272" s="148"/>
      <c r="X272" s="149"/>
      <c r="Y272" s="113" t="s">
        <v>11</v>
      </c>
      <c r="Z272" s="243" t="s">
        <v>21</v>
      </c>
      <c r="AA272" s="244"/>
      <c r="AB272" s="136"/>
      <c r="AC272" s="113" t="s">
        <v>11</v>
      </c>
      <c r="AD272" s="243" t="s">
        <v>21</v>
      </c>
      <c r="AE272" s="244"/>
      <c r="AF272" s="136"/>
    </row>
    <row r="273" spans="1:32" ht="19.5" customHeight="1" x14ac:dyDescent="0.15">
      <c r="A273" s="127"/>
      <c r="B273" s="128"/>
      <c r="C273" s="129"/>
      <c r="D273" s="130"/>
      <c r="E273" s="116"/>
      <c r="F273" s="131"/>
      <c r="G273" s="132"/>
      <c r="H273" s="142" t="s">
        <v>69</v>
      </c>
      <c r="I273" s="143" t="s">
        <v>11</v>
      </c>
      <c r="J273" s="144" t="s">
        <v>23</v>
      </c>
      <c r="K273" s="145"/>
      <c r="L273" s="146"/>
      <c r="M273" s="147" t="s">
        <v>11</v>
      </c>
      <c r="N273" s="144" t="s">
        <v>24</v>
      </c>
      <c r="O273" s="147"/>
      <c r="P273" s="144"/>
      <c r="Q273" s="148"/>
      <c r="R273" s="148"/>
      <c r="S273" s="148"/>
      <c r="T273" s="148"/>
      <c r="U273" s="148"/>
      <c r="V273" s="148"/>
      <c r="W273" s="148"/>
      <c r="X273" s="149"/>
      <c r="Y273" s="113"/>
      <c r="Z273" s="243"/>
      <c r="AA273" s="244"/>
      <c r="AB273" s="136"/>
      <c r="AC273" s="113"/>
      <c r="AD273" s="243"/>
      <c r="AE273" s="244"/>
      <c r="AF273" s="136"/>
    </row>
    <row r="274" spans="1:32" ht="18.75" customHeight="1" x14ac:dyDescent="0.15">
      <c r="A274" s="127"/>
      <c r="B274" s="128"/>
      <c r="C274" s="219"/>
      <c r="D274" s="131"/>
      <c r="E274" s="116"/>
      <c r="F274" s="131"/>
      <c r="G274" s="238"/>
      <c r="H274" s="226" t="s">
        <v>351</v>
      </c>
      <c r="I274" s="143" t="s">
        <v>11</v>
      </c>
      <c r="J274" s="144" t="s">
        <v>25</v>
      </c>
      <c r="K274" s="145"/>
      <c r="L274" s="147" t="s">
        <v>11</v>
      </c>
      <c r="M274" s="144" t="s">
        <v>29</v>
      </c>
      <c r="N274" s="200"/>
      <c r="O274" s="200"/>
      <c r="P274" s="200"/>
      <c r="Q274" s="200"/>
      <c r="R274" s="200"/>
      <c r="S274" s="200"/>
      <c r="T274" s="200"/>
      <c r="U274" s="200"/>
      <c r="V274" s="200"/>
      <c r="W274" s="200"/>
      <c r="X274" s="201"/>
      <c r="Y274" s="141"/>
      <c r="Z274" s="244"/>
      <c r="AA274" s="244"/>
      <c r="AB274" s="136"/>
      <c r="AC274" s="141"/>
      <c r="AD274" s="244"/>
      <c r="AE274" s="244"/>
      <c r="AF274" s="136"/>
    </row>
    <row r="275" spans="1:32" ht="18.75" customHeight="1" x14ac:dyDescent="0.15">
      <c r="A275" s="127"/>
      <c r="B275" s="128"/>
      <c r="C275" s="219"/>
      <c r="D275" s="131"/>
      <c r="E275" s="116"/>
      <c r="F275" s="131"/>
      <c r="G275" s="238"/>
      <c r="H275" s="226" t="s">
        <v>352</v>
      </c>
      <c r="I275" s="143" t="s">
        <v>11</v>
      </c>
      <c r="J275" s="144" t="s">
        <v>93</v>
      </c>
      <c r="K275" s="145"/>
      <c r="L275" s="146"/>
      <c r="M275" s="147" t="s">
        <v>11</v>
      </c>
      <c r="N275" s="144" t="s">
        <v>105</v>
      </c>
      <c r="O275" s="148"/>
      <c r="P275" s="148"/>
      <c r="Q275" s="148"/>
      <c r="R275" s="148"/>
      <c r="S275" s="148"/>
      <c r="T275" s="148"/>
      <c r="U275" s="148"/>
      <c r="V275" s="148"/>
      <c r="W275" s="148"/>
      <c r="X275" s="149"/>
      <c r="Y275" s="141"/>
      <c r="Z275" s="135"/>
      <c r="AA275" s="135"/>
      <c r="AB275" s="136"/>
      <c r="AC275" s="141"/>
      <c r="AD275" s="135"/>
      <c r="AE275" s="135"/>
      <c r="AF275" s="136"/>
    </row>
    <row r="276" spans="1:32" ht="18.75" customHeight="1" x14ac:dyDescent="0.15">
      <c r="A276" s="127"/>
      <c r="B276" s="128"/>
      <c r="C276" s="219"/>
      <c r="D276" s="131"/>
      <c r="E276" s="116"/>
      <c r="F276" s="131"/>
      <c r="G276" s="238"/>
      <c r="H276" s="150" t="s">
        <v>33</v>
      </c>
      <c r="I276" s="143" t="s">
        <v>11</v>
      </c>
      <c r="J276" s="144" t="s">
        <v>25</v>
      </c>
      <c r="K276" s="145"/>
      <c r="L276" s="147" t="s">
        <v>11</v>
      </c>
      <c r="M276" s="144" t="s">
        <v>29</v>
      </c>
      <c r="N276" s="200"/>
      <c r="O276" s="200"/>
      <c r="P276" s="200"/>
      <c r="Q276" s="200"/>
      <c r="R276" s="200"/>
      <c r="S276" s="200"/>
      <c r="T276" s="200"/>
      <c r="U276" s="200"/>
      <c r="V276" s="200"/>
      <c r="W276" s="200"/>
      <c r="X276" s="201"/>
      <c r="Y276" s="141"/>
      <c r="Z276" s="135"/>
      <c r="AA276" s="135"/>
      <c r="AB276" s="136"/>
      <c r="AC276" s="141"/>
      <c r="AD276" s="135"/>
      <c r="AE276" s="135"/>
      <c r="AF276" s="136"/>
    </row>
    <row r="277" spans="1:32" ht="18.75" customHeight="1" x14ac:dyDescent="0.15">
      <c r="A277" s="127"/>
      <c r="B277" s="128"/>
      <c r="C277" s="219"/>
      <c r="D277" s="131"/>
      <c r="E277" s="116"/>
      <c r="F277" s="131"/>
      <c r="G277" s="238"/>
      <c r="H277" s="395" t="s">
        <v>232</v>
      </c>
      <c r="I277" s="397" t="s">
        <v>11</v>
      </c>
      <c r="J277" s="421" t="s">
        <v>31</v>
      </c>
      <c r="K277" s="421"/>
      <c r="L277" s="421"/>
      <c r="M277" s="397" t="s">
        <v>11</v>
      </c>
      <c r="N277" s="421" t="s">
        <v>32</v>
      </c>
      <c r="O277" s="421"/>
      <c r="P277" s="421"/>
      <c r="Q277" s="162"/>
      <c r="R277" s="162"/>
      <c r="S277" s="162"/>
      <c r="T277" s="162"/>
      <c r="U277" s="162"/>
      <c r="V277" s="162"/>
      <c r="W277" s="162"/>
      <c r="X277" s="163"/>
      <c r="Y277" s="141"/>
      <c r="Z277" s="135"/>
      <c r="AA277" s="135"/>
      <c r="AB277" s="136"/>
      <c r="AC277" s="141"/>
      <c r="AD277" s="135"/>
      <c r="AE277" s="135"/>
      <c r="AF277" s="136"/>
    </row>
    <row r="278" spans="1:32" ht="18.75" customHeight="1" x14ac:dyDescent="0.15">
      <c r="A278" s="127"/>
      <c r="B278" s="128"/>
      <c r="C278" s="219"/>
      <c r="D278" s="131"/>
      <c r="E278" s="116"/>
      <c r="F278" s="131"/>
      <c r="G278" s="238"/>
      <c r="H278" s="467"/>
      <c r="I278" s="397"/>
      <c r="J278" s="421"/>
      <c r="K278" s="421"/>
      <c r="L278" s="421"/>
      <c r="M278" s="397"/>
      <c r="N278" s="421"/>
      <c r="O278" s="421"/>
      <c r="P278" s="421"/>
      <c r="Q278" s="139"/>
      <c r="R278" s="139"/>
      <c r="S278" s="139"/>
      <c r="T278" s="139"/>
      <c r="U278" s="139"/>
      <c r="V278" s="139"/>
      <c r="W278" s="139"/>
      <c r="X278" s="140"/>
      <c r="Y278" s="141"/>
      <c r="Z278" s="135"/>
      <c r="AA278" s="135"/>
      <c r="AB278" s="136"/>
      <c r="AC278" s="141"/>
      <c r="AD278" s="135"/>
      <c r="AE278" s="135"/>
      <c r="AF278" s="136"/>
    </row>
    <row r="279" spans="1:32" ht="18.75" customHeight="1" x14ac:dyDescent="0.15">
      <c r="A279" s="127"/>
      <c r="B279" s="128"/>
      <c r="C279" s="219"/>
      <c r="D279" s="131"/>
      <c r="E279" s="116"/>
      <c r="F279" s="131"/>
      <c r="G279" s="238"/>
      <c r="H279" s="195" t="s">
        <v>80</v>
      </c>
      <c r="I279" s="164" t="s">
        <v>11</v>
      </c>
      <c r="J279" s="144" t="s">
        <v>25</v>
      </c>
      <c r="K279" s="144"/>
      <c r="L279" s="147" t="s">
        <v>11</v>
      </c>
      <c r="M279" s="144" t="s">
        <v>26</v>
      </c>
      <c r="N279" s="144"/>
      <c r="O279" s="168" t="s">
        <v>11</v>
      </c>
      <c r="P279" s="144" t="s">
        <v>27</v>
      </c>
      <c r="Q279" s="200"/>
      <c r="R279" s="168"/>
      <c r="S279" s="144"/>
      <c r="T279" s="200"/>
      <c r="U279" s="168"/>
      <c r="V279" s="144"/>
      <c r="W279" s="200"/>
      <c r="X279" s="140"/>
      <c r="Y279" s="141"/>
      <c r="Z279" s="135"/>
      <c r="AA279" s="135"/>
      <c r="AB279" s="136"/>
      <c r="AC279" s="141"/>
      <c r="AD279" s="135"/>
      <c r="AE279" s="135"/>
      <c r="AF279" s="136"/>
    </row>
    <row r="280" spans="1:32" ht="18.75" customHeight="1" x14ac:dyDescent="0.15">
      <c r="A280" s="127"/>
      <c r="B280" s="128"/>
      <c r="C280" s="219"/>
      <c r="D280" s="131"/>
      <c r="E280" s="116"/>
      <c r="F280" s="131"/>
      <c r="G280" s="238"/>
      <c r="H280" s="226" t="s">
        <v>234</v>
      </c>
      <c r="I280" s="143" t="s">
        <v>11</v>
      </c>
      <c r="J280" s="144" t="s">
        <v>25</v>
      </c>
      <c r="K280" s="145"/>
      <c r="L280" s="147" t="s">
        <v>11</v>
      </c>
      <c r="M280" s="144" t="s">
        <v>29</v>
      </c>
      <c r="N280" s="200"/>
      <c r="O280" s="200"/>
      <c r="P280" s="200"/>
      <c r="Q280" s="200"/>
      <c r="R280" s="200"/>
      <c r="S280" s="200"/>
      <c r="T280" s="200"/>
      <c r="U280" s="200"/>
      <c r="V280" s="200"/>
      <c r="W280" s="200"/>
      <c r="X280" s="201"/>
      <c r="Y280" s="141"/>
      <c r="Z280" s="135"/>
      <c r="AA280" s="135"/>
      <c r="AB280" s="136"/>
      <c r="AC280" s="141"/>
      <c r="AD280" s="135"/>
      <c r="AE280" s="135"/>
      <c r="AF280" s="136"/>
    </row>
    <row r="281" spans="1:32" ht="18.75" customHeight="1" x14ac:dyDescent="0.15">
      <c r="A281" s="127"/>
      <c r="B281" s="128"/>
      <c r="C281" s="219"/>
      <c r="D281" s="131"/>
      <c r="E281" s="116"/>
      <c r="F281" s="131"/>
      <c r="G281" s="238"/>
      <c r="H281" s="114" t="s">
        <v>82</v>
      </c>
      <c r="I281" s="143" t="s">
        <v>11</v>
      </c>
      <c r="J281" s="144" t="s">
        <v>25</v>
      </c>
      <c r="K281" s="145"/>
      <c r="L281" s="147" t="s">
        <v>11</v>
      </c>
      <c r="M281" s="144" t="s">
        <v>29</v>
      </c>
      <c r="N281" s="200"/>
      <c r="O281" s="200"/>
      <c r="P281" s="200"/>
      <c r="Q281" s="200"/>
      <c r="R281" s="200"/>
      <c r="S281" s="200"/>
      <c r="T281" s="200"/>
      <c r="U281" s="200"/>
      <c r="V281" s="200"/>
      <c r="W281" s="200"/>
      <c r="X281" s="201"/>
      <c r="Y281" s="141"/>
      <c r="Z281" s="135"/>
      <c r="AA281" s="135"/>
      <c r="AB281" s="136"/>
      <c r="AC281" s="141"/>
      <c r="AD281" s="135"/>
      <c r="AE281" s="135"/>
      <c r="AF281" s="136"/>
    </row>
    <row r="282" spans="1:32" ht="18.75" customHeight="1" x14ac:dyDescent="0.15">
      <c r="A282" s="127"/>
      <c r="B282" s="128"/>
      <c r="C282" s="219"/>
      <c r="D282" s="131"/>
      <c r="E282" s="116"/>
      <c r="F282" s="131"/>
      <c r="G282" s="238"/>
      <c r="H282" s="150" t="s">
        <v>83</v>
      </c>
      <c r="I282" s="143" t="s">
        <v>11</v>
      </c>
      <c r="J282" s="144" t="s">
        <v>25</v>
      </c>
      <c r="K282" s="145"/>
      <c r="L282" s="147" t="s">
        <v>11</v>
      </c>
      <c r="M282" s="144" t="s">
        <v>29</v>
      </c>
      <c r="N282" s="200"/>
      <c r="O282" s="200"/>
      <c r="P282" s="200"/>
      <c r="Q282" s="200"/>
      <c r="R282" s="200"/>
      <c r="S282" s="200"/>
      <c r="T282" s="200"/>
      <c r="U282" s="200"/>
      <c r="V282" s="200"/>
      <c r="W282" s="200"/>
      <c r="X282" s="201"/>
      <c r="Y282" s="141"/>
      <c r="Z282" s="135"/>
      <c r="AA282" s="135"/>
      <c r="AB282" s="136"/>
      <c r="AC282" s="141"/>
      <c r="AD282" s="135"/>
      <c r="AE282" s="135"/>
      <c r="AF282" s="136"/>
    </row>
    <row r="283" spans="1:32" ht="18.75" customHeight="1" x14ac:dyDescent="0.15">
      <c r="A283" s="127"/>
      <c r="B283" s="128"/>
      <c r="C283" s="219"/>
      <c r="D283" s="131"/>
      <c r="E283" s="116"/>
      <c r="F283" s="131"/>
      <c r="G283" s="238"/>
      <c r="H283" s="226" t="s">
        <v>353</v>
      </c>
      <c r="I283" s="143" t="s">
        <v>11</v>
      </c>
      <c r="J283" s="144" t="s">
        <v>25</v>
      </c>
      <c r="K283" s="145"/>
      <c r="L283" s="147" t="s">
        <v>11</v>
      </c>
      <c r="M283" s="144" t="s">
        <v>29</v>
      </c>
      <c r="N283" s="200"/>
      <c r="O283" s="200"/>
      <c r="P283" s="200"/>
      <c r="Q283" s="200"/>
      <c r="R283" s="200"/>
      <c r="S283" s="200"/>
      <c r="T283" s="200"/>
      <c r="U283" s="200"/>
      <c r="V283" s="200"/>
      <c r="W283" s="200"/>
      <c r="X283" s="201"/>
      <c r="Y283" s="141"/>
      <c r="Z283" s="135"/>
      <c r="AA283" s="135"/>
      <c r="AB283" s="136"/>
      <c r="AC283" s="141"/>
      <c r="AD283" s="135"/>
      <c r="AE283" s="135"/>
      <c r="AF283" s="136"/>
    </row>
    <row r="284" spans="1:32" ht="18.75" customHeight="1" x14ac:dyDescent="0.15">
      <c r="A284" s="127"/>
      <c r="B284" s="128"/>
      <c r="C284" s="219"/>
      <c r="D284" s="131"/>
      <c r="E284" s="116"/>
      <c r="F284" s="131"/>
      <c r="G284" s="238"/>
      <c r="H284" s="226" t="s">
        <v>278</v>
      </c>
      <c r="I284" s="143" t="s">
        <v>11</v>
      </c>
      <c r="J284" s="144" t="s">
        <v>58</v>
      </c>
      <c r="K284" s="145"/>
      <c r="L284" s="146"/>
      <c r="M284" s="147" t="s">
        <v>11</v>
      </c>
      <c r="N284" s="144" t="s">
        <v>59</v>
      </c>
      <c r="O284" s="148"/>
      <c r="P284" s="148"/>
      <c r="Q284" s="148"/>
      <c r="R284" s="148"/>
      <c r="S284" s="148"/>
      <c r="T284" s="148"/>
      <c r="U284" s="148"/>
      <c r="V284" s="148"/>
      <c r="W284" s="148"/>
      <c r="X284" s="149"/>
      <c r="Y284" s="141"/>
      <c r="Z284" s="135"/>
      <c r="AA284" s="135"/>
      <c r="AB284" s="136"/>
      <c r="AC284" s="141"/>
      <c r="AD284" s="135"/>
      <c r="AE284" s="135"/>
      <c r="AF284" s="136"/>
    </row>
    <row r="285" spans="1:32" ht="18.75" customHeight="1" x14ac:dyDescent="0.15">
      <c r="A285" s="127"/>
      <c r="B285" s="128"/>
      <c r="C285" s="219" t="s">
        <v>354</v>
      </c>
      <c r="D285" s="113" t="s">
        <v>11</v>
      </c>
      <c r="E285" s="116" t="s">
        <v>355</v>
      </c>
      <c r="F285" s="131"/>
      <c r="G285" s="132"/>
      <c r="H285" s="150" t="s">
        <v>60</v>
      </c>
      <c r="I285" s="164" t="s">
        <v>11</v>
      </c>
      <c r="J285" s="144" t="s">
        <v>25</v>
      </c>
      <c r="K285" s="145"/>
      <c r="L285" s="147" t="s">
        <v>11</v>
      </c>
      <c r="M285" s="144" t="s">
        <v>29</v>
      </c>
      <c r="N285" s="144"/>
      <c r="O285" s="200"/>
      <c r="P285" s="200"/>
      <c r="Q285" s="200"/>
      <c r="R285" s="200"/>
      <c r="S285" s="200"/>
      <c r="T285" s="200"/>
      <c r="U285" s="200"/>
      <c r="V285" s="200"/>
      <c r="W285" s="200"/>
      <c r="X285" s="201"/>
      <c r="Y285" s="141"/>
      <c r="Z285" s="135"/>
      <c r="AA285" s="135"/>
      <c r="AB285" s="136"/>
      <c r="AC285" s="141"/>
      <c r="AD285" s="135"/>
      <c r="AE285" s="135"/>
      <c r="AF285" s="136"/>
    </row>
    <row r="286" spans="1:32" ht="18.75" customHeight="1" x14ac:dyDescent="0.15">
      <c r="A286" s="113" t="s">
        <v>11</v>
      </c>
      <c r="B286" s="128">
        <v>77</v>
      </c>
      <c r="C286" s="219" t="s">
        <v>356</v>
      </c>
      <c r="D286" s="113" t="s">
        <v>11</v>
      </c>
      <c r="E286" s="116" t="s">
        <v>357</v>
      </c>
      <c r="F286" s="131"/>
      <c r="G286" s="238"/>
      <c r="H286" s="226" t="s">
        <v>149</v>
      </c>
      <c r="I286" s="143" t="s">
        <v>11</v>
      </c>
      <c r="J286" s="144" t="s">
        <v>25</v>
      </c>
      <c r="K286" s="145"/>
      <c r="L286" s="147" t="s">
        <v>11</v>
      </c>
      <c r="M286" s="144" t="s">
        <v>29</v>
      </c>
      <c r="N286" s="200"/>
      <c r="O286" s="200"/>
      <c r="P286" s="200"/>
      <c r="Q286" s="200"/>
      <c r="R286" s="200"/>
      <c r="S286" s="200"/>
      <c r="T286" s="200"/>
      <c r="U286" s="200"/>
      <c r="V286" s="200"/>
      <c r="W286" s="200"/>
      <c r="X286" s="201"/>
      <c r="Y286" s="141"/>
      <c r="Z286" s="135"/>
      <c r="AA286" s="135"/>
      <c r="AB286" s="136"/>
      <c r="AC286" s="141"/>
      <c r="AD286" s="135"/>
      <c r="AE286" s="135"/>
      <c r="AF286" s="136"/>
    </row>
    <row r="287" spans="1:32" ht="18.75" customHeight="1" x14ac:dyDescent="0.15">
      <c r="A287" s="127"/>
      <c r="B287" s="128"/>
      <c r="C287" s="116" t="s">
        <v>358</v>
      </c>
      <c r="D287" s="131"/>
      <c r="E287" s="116" t="s">
        <v>316</v>
      </c>
      <c r="F287" s="131"/>
      <c r="G287" s="132"/>
      <c r="H287" s="150" t="s">
        <v>61</v>
      </c>
      <c r="I287" s="143" t="s">
        <v>11</v>
      </c>
      <c r="J287" s="144" t="s">
        <v>25</v>
      </c>
      <c r="K287" s="145"/>
      <c r="L287" s="147" t="s">
        <v>11</v>
      </c>
      <c r="M287" s="144" t="s">
        <v>29</v>
      </c>
      <c r="N287" s="144"/>
      <c r="O287" s="200"/>
      <c r="P287" s="200"/>
      <c r="Q287" s="200"/>
      <c r="R287" s="200"/>
      <c r="S287" s="200"/>
      <c r="T287" s="200"/>
      <c r="U287" s="200"/>
      <c r="V287" s="200"/>
      <c r="W287" s="200"/>
      <c r="X287" s="201"/>
      <c r="Y287" s="141"/>
      <c r="Z287" s="135"/>
      <c r="AA287" s="135"/>
      <c r="AB287" s="136"/>
      <c r="AC287" s="141"/>
      <c r="AD287" s="135"/>
      <c r="AE287" s="135"/>
      <c r="AF287" s="136"/>
    </row>
    <row r="288" spans="1:32" ht="18.75" customHeight="1" x14ac:dyDescent="0.15">
      <c r="A288" s="130"/>
      <c r="B288" s="159"/>
      <c r="C288" s="269"/>
      <c r="D288" s="130"/>
      <c r="E288" s="159"/>
      <c r="F288" s="131"/>
      <c r="G288" s="238"/>
      <c r="H288" s="312" t="s">
        <v>231</v>
      </c>
      <c r="I288" s="137" t="s">
        <v>11</v>
      </c>
      <c r="J288" s="155" t="s">
        <v>25</v>
      </c>
      <c r="K288" s="155"/>
      <c r="L288" s="196" t="s">
        <v>11</v>
      </c>
      <c r="M288" s="155" t="s">
        <v>56</v>
      </c>
      <c r="N288" s="155"/>
      <c r="O288" s="196" t="s">
        <v>11</v>
      </c>
      <c r="P288" s="155" t="s">
        <v>57</v>
      </c>
      <c r="Q288" s="138"/>
      <c r="R288" s="138"/>
      <c r="S288" s="138"/>
      <c r="T288" s="138"/>
      <c r="U288" s="138"/>
      <c r="V288" s="138"/>
      <c r="W288" s="138"/>
      <c r="X288" s="205"/>
      <c r="Y288" s="141"/>
      <c r="Z288" s="135"/>
      <c r="AA288" s="135"/>
      <c r="AB288" s="136"/>
      <c r="AC288" s="141"/>
      <c r="AD288" s="135"/>
      <c r="AE288" s="135"/>
      <c r="AF288" s="136"/>
    </row>
    <row r="289" spans="1:32" ht="18.75" customHeight="1" x14ac:dyDescent="0.15">
      <c r="A289" s="130"/>
      <c r="B289" s="159"/>
      <c r="C289" s="269"/>
      <c r="D289" s="101"/>
      <c r="E289" s="101"/>
      <c r="F289" s="131"/>
      <c r="G289" s="238"/>
      <c r="H289" s="226" t="s">
        <v>315</v>
      </c>
      <c r="I289" s="143" t="s">
        <v>11</v>
      </c>
      <c r="J289" s="144" t="s">
        <v>25</v>
      </c>
      <c r="K289" s="145"/>
      <c r="L289" s="147" t="s">
        <v>11</v>
      </c>
      <c r="M289" s="144" t="s">
        <v>29</v>
      </c>
      <c r="N289" s="200"/>
      <c r="O289" s="200"/>
      <c r="P289" s="200"/>
      <c r="Q289" s="200"/>
      <c r="R289" s="200"/>
      <c r="S289" s="200"/>
      <c r="T289" s="200"/>
      <c r="U289" s="200"/>
      <c r="V289" s="200"/>
      <c r="W289" s="200"/>
      <c r="X289" s="201"/>
      <c r="Y289" s="141"/>
      <c r="Z289" s="135"/>
      <c r="AA289" s="135"/>
      <c r="AB289" s="136"/>
      <c r="AC289" s="141"/>
      <c r="AD289" s="135"/>
      <c r="AE289" s="135"/>
      <c r="AF289" s="136"/>
    </row>
    <row r="290" spans="1:32" ht="18.75" customHeight="1" x14ac:dyDescent="0.15">
      <c r="A290" s="130"/>
      <c r="B290" s="159"/>
      <c r="C290" s="269"/>
      <c r="D290" s="101"/>
      <c r="E290" s="101"/>
      <c r="F290" s="131"/>
      <c r="G290" s="238"/>
      <c r="H290" s="226" t="s">
        <v>279</v>
      </c>
      <c r="I290" s="143" t="s">
        <v>11</v>
      </c>
      <c r="J290" s="144" t="s">
        <v>25</v>
      </c>
      <c r="K290" s="145"/>
      <c r="L290" s="147" t="s">
        <v>11</v>
      </c>
      <c r="M290" s="144" t="s">
        <v>56</v>
      </c>
      <c r="N290" s="144"/>
      <c r="O290" s="168" t="s">
        <v>11</v>
      </c>
      <c r="P290" s="153" t="s">
        <v>57</v>
      </c>
      <c r="Q290" s="144"/>
      <c r="R290" s="144"/>
      <c r="S290" s="145"/>
      <c r="T290" s="144"/>
      <c r="U290" s="145"/>
      <c r="V290" s="145"/>
      <c r="W290" s="145"/>
      <c r="X290" s="152"/>
      <c r="Y290" s="141"/>
      <c r="Z290" s="135"/>
      <c r="AA290" s="135"/>
      <c r="AB290" s="136"/>
      <c r="AC290" s="141"/>
      <c r="AD290" s="135"/>
      <c r="AE290" s="135"/>
      <c r="AF290" s="136"/>
    </row>
    <row r="291" spans="1:32" ht="18.75" customHeight="1" x14ac:dyDescent="0.15">
      <c r="A291" s="127"/>
      <c r="B291" s="128"/>
      <c r="C291" s="219"/>
      <c r="D291" s="206"/>
      <c r="E291" s="116"/>
      <c r="F291" s="131"/>
      <c r="G291" s="238"/>
      <c r="H291" s="224" t="s">
        <v>145</v>
      </c>
      <c r="I291" s="143" t="s">
        <v>11</v>
      </c>
      <c r="J291" s="144" t="s">
        <v>25</v>
      </c>
      <c r="K291" s="145"/>
      <c r="L291" s="147" t="s">
        <v>11</v>
      </c>
      <c r="M291" s="144" t="s">
        <v>29</v>
      </c>
      <c r="N291" s="200"/>
      <c r="O291" s="200"/>
      <c r="P291" s="200"/>
      <c r="Q291" s="200"/>
      <c r="R291" s="200"/>
      <c r="S291" s="200"/>
      <c r="T291" s="200"/>
      <c r="U291" s="200"/>
      <c r="V291" s="200"/>
      <c r="W291" s="200"/>
      <c r="X291" s="201"/>
      <c r="Y291" s="141"/>
      <c r="Z291" s="135"/>
      <c r="AA291" s="135"/>
      <c r="AB291" s="136"/>
      <c r="AC291" s="141"/>
      <c r="AD291" s="135"/>
      <c r="AE291" s="135"/>
      <c r="AF291" s="136"/>
    </row>
    <row r="292" spans="1:32" ht="18.75" customHeight="1" x14ac:dyDescent="0.15">
      <c r="A292" s="127"/>
      <c r="B292" s="128"/>
      <c r="C292" s="219"/>
      <c r="D292" s="206"/>
      <c r="E292" s="116"/>
      <c r="F292" s="131"/>
      <c r="G292" s="238"/>
      <c r="H292" s="221" t="s">
        <v>146</v>
      </c>
      <c r="I292" s="143" t="s">
        <v>11</v>
      </c>
      <c r="J292" s="144" t="s">
        <v>25</v>
      </c>
      <c r="K292" s="145"/>
      <c r="L292" s="147" t="s">
        <v>11</v>
      </c>
      <c r="M292" s="144" t="s">
        <v>29</v>
      </c>
      <c r="N292" s="200"/>
      <c r="O292" s="200"/>
      <c r="P292" s="200"/>
      <c r="Q292" s="200"/>
      <c r="R292" s="200"/>
      <c r="S292" s="200"/>
      <c r="T292" s="200"/>
      <c r="U292" s="200"/>
      <c r="V292" s="200"/>
      <c r="W292" s="200"/>
      <c r="X292" s="201"/>
      <c r="Y292" s="141"/>
      <c r="Z292" s="135"/>
      <c r="AA292" s="135"/>
      <c r="AB292" s="136"/>
      <c r="AC292" s="141"/>
      <c r="AD292" s="135"/>
      <c r="AE292" s="135"/>
      <c r="AF292" s="136"/>
    </row>
    <row r="293" spans="1:32" ht="18.75" customHeight="1" x14ac:dyDescent="0.15">
      <c r="A293" s="127"/>
      <c r="B293" s="128"/>
      <c r="C293" s="219"/>
      <c r="D293" s="131"/>
      <c r="E293" s="116"/>
      <c r="F293" s="131"/>
      <c r="G293" s="238"/>
      <c r="H293" s="150" t="s">
        <v>84</v>
      </c>
      <c r="I293" s="143" t="s">
        <v>11</v>
      </c>
      <c r="J293" s="144" t="s">
        <v>25</v>
      </c>
      <c r="K293" s="145"/>
      <c r="L293" s="147" t="s">
        <v>11</v>
      </c>
      <c r="M293" s="144" t="s">
        <v>29</v>
      </c>
      <c r="N293" s="200"/>
      <c r="O293" s="200"/>
      <c r="P293" s="200"/>
      <c r="Q293" s="200"/>
      <c r="R293" s="200"/>
      <c r="S293" s="200"/>
      <c r="T293" s="200"/>
      <c r="U293" s="200"/>
      <c r="V293" s="200"/>
      <c r="W293" s="200"/>
      <c r="X293" s="201"/>
      <c r="Y293" s="141"/>
      <c r="Z293" s="135"/>
      <c r="AA293" s="135"/>
      <c r="AB293" s="136"/>
      <c r="AC293" s="141"/>
      <c r="AD293" s="135"/>
      <c r="AE293" s="135"/>
      <c r="AF293" s="136"/>
    </row>
    <row r="294" spans="1:32" ht="18.75" customHeight="1" x14ac:dyDescent="0.15">
      <c r="A294" s="127"/>
      <c r="B294" s="128"/>
      <c r="C294" s="219"/>
      <c r="D294" s="131"/>
      <c r="E294" s="116"/>
      <c r="F294" s="131"/>
      <c r="G294" s="238"/>
      <c r="H294" s="228" t="s">
        <v>103</v>
      </c>
      <c r="I294" s="143" t="s">
        <v>11</v>
      </c>
      <c r="J294" s="144" t="s">
        <v>25</v>
      </c>
      <c r="K294" s="144"/>
      <c r="L294" s="147" t="s">
        <v>11</v>
      </c>
      <c r="M294" s="144" t="s">
        <v>26</v>
      </c>
      <c r="N294" s="144"/>
      <c r="O294" s="147" t="s">
        <v>11</v>
      </c>
      <c r="P294" s="144" t="s">
        <v>27</v>
      </c>
      <c r="Q294" s="148"/>
      <c r="R294" s="148"/>
      <c r="S294" s="148"/>
      <c r="T294" s="148"/>
      <c r="U294" s="169"/>
      <c r="V294" s="169"/>
      <c r="W294" s="169"/>
      <c r="X294" s="170"/>
      <c r="Y294" s="141"/>
      <c r="Z294" s="135"/>
      <c r="AA294" s="135"/>
      <c r="AB294" s="136"/>
      <c r="AC294" s="141"/>
      <c r="AD294" s="135"/>
      <c r="AE294" s="135"/>
      <c r="AF294" s="136"/>
    </row>
    <row r="295" spans="1:32" ht="18.75" customHeight="1" x14ac:dyDescent="0.15">
      <c r="A295" s="127"/>
      <c r="B295" s="128"/>
      <c r="C295" s="219"/>
      <c r="D295" s="131"/>
      <c r="E295" s="116"/>
      <c r="F295" s="131"/>
      <c r="G295" s="238"/>
      <c r="H295" s="226" t="s">
        <v>85</v>
      </c>
      <c r="I295" s="143" t="s">
        <v>11</v>
      </c>
      <c r="J295" s="144" t="s">
        <v>25</v>
      </c>
      <c r="K295" s="144"/>
      <c r="L295" s="147" t="s">
        <v>11</v>
      </c>
      <c r="M295" s="144" t="s">
        <v>86</v>
      </c>
      <c r="N295" s="144"/>
      <c r="O295" s="147" t="s">
        <v>11</v>
      </c>
      <c r="P295" s="144" t="s">
        <v>87</v>
      </c>
      <c r="Q295" s="200"/>
      <c r="R295" s="147" t="s">
        <v>11</v>
      </c>
      <c r="S295" s="144" t="s">
        <v>88</v>
      </c>
      <c r="T295" s="200"/>
      <c r="U295" s="200"/>
      <c r="V295" s="200"/>
      <c r="W295" s="200"/>
      <c r="X295" s="201"/>
      <c r="Y295" s="141"/>
      <c r="Z295" s="135"/>
      <c r="AA295" s="135"/>
      <c r="AB295" s="136"/>
      <c r="AC295" s="141"/>
      <c r="AD295" s="135"/>
      <c r="AE295" s="135"/>
      <c r="AF295" s="136"/>
    </row>
    <row r="296" spans="1:32" ht="18.75" customHeight="1" x14ac:dyDescent="0.15">
      <c r="A296" s="127"/>
      <c r="B296" s="128"/>
      <c r="C296" s="129"/>
      <c r="D296" s="130"/>
      <c r="E296" s="116"/>
      <c r="F296" s="131"/>
      <c r="G296" s="132"/>
      <c r="H296" s="395" t="s">
        <v>37</v>
      </c>
      <c r="I296" s="164" t="s">
        <v>11</v>
      </c>
      <c r="J296" s="153" t="s">
        <v>25</v>
      </c>
      <c r="K296" s="153"/>
      <c r="L296" s="165"/>
      <c r="M296" s="166"/>
      <c r="N296" s="166"/>
      <c r="O296" s="165"/>
      <c r="P296" s="166"/>
      <c r="Q296" s="167"/>
      <c r="R296" s="165"/>
      <c r="S296" s="166"/>
      <c r="T296" s="167"/>
      <c r="U296" s="168" t="s">
        <v>11</v>
      </c>
      <c r="V296" s="153" t="s">
        <v>38</v>
      </c>
      <c r="W296" s="169"/>
      <c r="X296" s="170"/>
      <c r="Y296" s="135"/>
      <c r="Z296" s="135"/>
      <c r="AA296" s="135"/>
      <c r="AB296" s="136"/>
      <c r="AC296" s="141"/>
      <c r="AD296" s="135"/>
      <c r="AE296" s="135"/>
      <c r="AF296" s="136"/>
    </row>
    <row r="297" spans="1:32" ht="18.75" customHeight="1" x14ac:dyDescent="0.15">
      <c r="A297" s="127"/>
      <c r="B297" s="128"/>
      <c r="C297" s="129"/>
      <c r="D297" s="130"/>
      <c r="E297" s="116"/>
      <c r="F297" s="131"/>
      <c r="G297" s="132"/>
      <c r="H297" s="395"/>
      <c r="I297" s="113" t="s">
        <v>11</v>
      </c>
      <c r="J297" s="114" t="s">
        <v>39</v>
      </c>
      <c r="K297" s="114"/>
      <c r="L297" s="109"/>
      <c r="M297" s="109" t="s">
        <v>11</v>
      </c>
      <c r="N297" s="114" t="s">
        <v>40</v>
      </c>
      <c r="O297" s="109"/>
      <c r="P297" s="109"/>
      <c r="Q297" s="109" t="s">
        <v>11</v>
      </c>
      <c r="R297" s="114" t="s">
        <v>41</v>
      </c>
      <c r="S297" s="101"/>
      <c r="T297" s="114"/>
      <c r="U297" s="109" t="s">
        <v>11</v>
      </c>
      <c r="V297" s="114" t="s">
        <v>42</v>
      </c>
      <c r="W297" s="133"/>
      <c r="X297" s="134"/>
      <c r="Y297" s="135"/>
      <c r="Z297" s="135"/>
      <c r="AA297" s="135"/>
      <c r="AB297" s="136"/>
      <c r="AC297" s="141"/>
      <c r="AD297" s="135"/>
      <c r="AE297" s="135"/>
      <c r="AF297" s="136"/>
    </row>
    <row r="298" spans="1:32" ht="18.75" customHeight="1" x14ac:dyDescent="0.15">
      <c r="A298" s="127"/>
      <c r="B298" s="128"/>
      <c r="C298" s="129"/>
      <c r="D298" s="130"/>
      <c r="E298" s="116"/>
      <c r="F298" s="131"/>
      <c r="G298" s="132"/>
      <c r="H298" s="395"/>
      <c r="I298" s="113" t="s">
        <v>11</v>
      </c>
      <c r="J298" s="114" t="s">
        <v>43</v>
      </c>
      <c r="K298" s="114"/>
      <c r="L298" s="109"/>
      <c r="M298" s="109" t="s">
        <v>11</v>
      </c>
      <c r="N298" s="114" t="s">
        <v>44</v>
      </c>
      <c r="O298" s="109"/>
      <c r="P298" s="109"/>
      <c r="Q298" s="109" t="s">
        <v>11</v>
      </c>
      <c r="R298" s="114" t="s">
        <v>45</v>
      </c>
      <c r="S298" s="101"/>
      <c r="T298" s="114"/>
      <c r="U298" s="109" t="s">
        <v>11</v>
      </c>
      <c r="V298" s="114" t="s">
        <v>46</v>
      </c>
      <c r="W298" s="133"/>
      <c r="X298" s="134"/>
      <c r="Y298" s="135"/>
      <c r="Z298" s="135"/>
      <c r="AA298" s="135"/>
      <c r="AB298" s="136"/>
      <c r="AC298" s="141"/>
      <c r="AD298" s="135"/>
      <c r="AE298" s="135"/>
      <c r="AF298" s="136"/>
    </row>
    <row r="299" spans="1:32" ht="18.75" customHeight="1" x14ac:dyDescent="0.15">
      <c r="A299" s="127"/>
      <c r="B299" s="128"/>
      <c r="C299" s="129"/>
      <c r="D299" s="130"/>
      <c r="E299" s="116"/>
      <c r="F299" s="131"/>
      <c r="G299" s="132"/>
      <c r="H299" s="395"/>
      <c r="I299" s="113" t="s">
        <v>11</v>
      </c>
      <c r="J299" s="114" t="s">
        <v>47</v>
      </c>
      <c r="K299" s="114"/>
      <c r="L299" s="109"/>
      <c r="M299" s="109" t="s">
        <v>11</v>
      </c>
      <c r="N299" s="114" t="s">
        <v>48</v>
      </c>
      <c r="O299" s="109"/>
      <c r="P299" s="109"/>
      <c r="Q299" s="109" t="s">
        <v>11</v>
      </c>
      <c r="R299" s="114" t="s">
        <v>49</v>
      </c>
      <c r="S299" s="101"/>
      <c r="T299" s="114"/>
      <c r="U299" s="109" t="s">
        <v>11</v>
      </c>
      <c r="V299" s="114" t="s">
        <v>50</v>
      </c>
      <c r="W299" s="133"/>
      <c r="X299" s="134"/>
      <c r="Y299" s="135"/>
      <c r="Z299" s="135"/>
      <c r="AA299" s="135"/>
      <c r="AB299" s="136"/>
      <c r="AC299" s="141"/>
      <c r="AD299" s="135"/>
      <c r="AE299" s="135"/>
      <c r="AF299" s="136"/>
    </row>
    <row r="300" spans="1:32" ht="18.75" customHeight="1" x14ac:dyDescent="0.15">
      <c r="A300" s="127"/>
      <c r="B300" s="128"/>
      <c r="C300" s="129"/>
      <c r="D300" s="130"/>
      <c r="E300" s="116"/>
      <c r="F300" s="131"/>
      <c r="G300" s="132"/>
      <c r="H300" s="395"/>
      <c r="I300" s="113" t="s">
        <v>11</v>
      </c>
      <c r="J300" s="114" t="s">
        <v>51</v>
      </c>
      <c r="K300" s="114"/>
      <c r="L300" s="109"/>
      <c r="M300" s="109" t="s">
        <v>11</v>
      </c>
      <c r="N300" s="114" t="s">
        <v>52</v>
      </c>
      <c r="O300" s="109"/>
      <c r="P300" s="109"/>
      <c r="Q300" s="109" t="s">
        <v>11</v>
      </c>
      <c r="R300" s="114" t="s">
        <v>53</v>
      </c>
      <c r="S300" s="101"/>
      <c r="T300" s="114"/>
      <c r="U300" s="109" t="s">
        <v>11</v>
      </c>
      <c r="V300" s="114" t="s">
        <v>54</v>
      </c>
      <c r="W300" s="133"/>
      <c r="X300" s="134"/>
      <c r="Y300" s="135"/>
      <c r="Z300" s="135"/>
      <c r="AA300" s="135"/>
      <c r="AB300" s="136"/>
      <c r="AC300" s="141"/>
      <c r="AD300" s="135"/>
      <c r="AE300" s="135"/>
      <c r="AF300" s="136"/>
    </row>
    <row r="301" spans="1:32" ht="18.75" customHeight="1" x14ac:dyDescent="0.15">
      <c r="A301" s="127"/>
      <c r="B301" s="128"/>
      <c r="C301" s="129"/>
      <c r="D301" s="130"/>
      <c r="E301" s="116"/>
      <c r="F301" s="131"/>
      <c r="G301" s="132"/>
      <c r="H301" s="395"/>
      <c r="I301" s="113" t="s">
        <v>11</v>
      </c>
      <c r="J301" s="114" t="s">
        <v>55</v>
      </c>
      <c r="K301" s="114"/>
      <c r="L301" s="109"/>
      <c r="M301" s="109"/>
      <c r="N301" s="114"/>
      <c r="O301" s="109"/>
      <c r="P301" s="109"/>
      <c r="Q301" s="109"/>
      <c r="R301" s="114"/>
      <c r="S301" s="101"/>
      <c r="T301" s="114"/>
      <c r="U301" s="109"/>
      <c r="V301" s="114"/>
      <c r="W301" s="133"/>
      <c r="X301" s="134"/>
      <c r="Y301" s="135"/>
      <c r="Z301" s="135"/>
      <c r="AA301" s="135"/>
      <c r="AB301" s="136"/>
      <c r="AC301" s="141"/>
      <c r="AD301" s="135"/>
      <c r="AE301" s="135"/>
      <c r="AF301" s="136"/>
    </row>
    <row r="302" spans="1:32" ht="18.75" customHeight="1" x14ac:dyDescent="0.15">
      <c r="A302" s="117"/>
      <c r="B302" s="118"/>
      <c r="C302" s="216"/>
      <c r="D302" s="121"/>
      <c r="E302" s="112"/>
      <c r="F302" s="121"/>
      <c r="G302" s="125"/>
      <c r="H302" s="317" t="s">
        <v>66</v>
      </c>
      <c r="I302" s="187" t="s">
        <v>11</v>
      </c>
      <c r="J302" s="188" t="s">
        <v>25</v>
      </c>
      <c r="K302" s="188"/>
      <c r="L302" s="190"/>
      <c r="M302" s="191" t="s">
        <v>11</v>
      </c>
      <c r="N302" s="188" t="s">
        <v>67</v>
      </c>
      <c r="O302" s="188"/>
      <c r="P302" s="190"/>
      <c r="Q302" s="191" t="s">
        <v>11</v>
      </c>
      <c r="R302" s="217" t="s">
        <v>68</v>
      </c>
      <c r="S302" s="217"/>
      <c r="T302" s="217"/>
      <c r="U302" s="217"/>
      <c r="V302" s="217"/>
      <c r="W302" s="217"/>
      <c r="X302" s="218"/>
      <c r="Y302" s="194" t="s">
        <v>11</v>
      </c>
      <c r="Z302" s="110" t="s">
        <v>20</v>
      </c>
      <c r="AA302" s="110"/>
      <c r="AB302" s="126"/>
      <c r="AC302" s="194" t="s">
        <v>11</v>
      </c>
      <c r="AD302" s="110" t="s">
        <v>20</v>
      </c>
      <c r="AE302" s="110"/>
      <c r="AF302" s="126"/>
    </row>
    <row r="303" spans="1:32" ht="19.5" customHeight="1" x14ac:dyDescent="0.15">
      <c r="A303" s="127"/>
      <c r="B303" s="128"/>
      <c r="C303" s="129"/>
      <c r="D303" s="130"/>
      <c r="E303" s="116"/>
      <c r="F303" s="131"/>
      <c r="G303" s="132"/>
      <c r="H303" s="142" t="s">
        <v>22</v>
      </c>
      <c r="I303" s="143" t="s">
        <v>11</v>
      </c>
      <c r="J303" s="144" t="s">
        <v>23</v>
      </c>
      <c r="K303" s="145"/>
      <c r="L303" s="146"/>
      <c r="M303" s="147" t="s">
        <v>11</v>
      </c>
      <c r="N303" s="144" t="s">
        <v>24</v>
      </c>
      <c r="O303" s="147"/>
      <c r="P303" s="144"/>
      <c r="Q303" s="148"/>
      <c r="R303" s="148"/>
      <c r="S303" s="148"/>
      <c r="T303" s="148"/>
      <c r="U303" s="148"/>
      <c r="V303" s="148"/>
      <c r="W303" s="148"/>
      <c r="X303" s="149"/>
      <c r="Y303" s="113" t="s">
        <v>11</v>
      </c>
      <c r="Z303" s="114" t="s">
        <v>21</v>
      </c>
      <c r="AA303" s="135"/>
      <c r="AB303" s="136"/>
      <c r="AC303" s="113" t="s">
        <v>11</v>
      </c>
      <c r="AD303" s="114" t="s">
        <v>21</v>
      </c>
      <c r="AE303" s="135"/>
      <c r="AF303" s="136"/>
    </row>
    <row r="304" spans="1:32" ht="19.5" customHeight="1" x14ac:dyDescent="0.15">
      <c r="A304" s="127"/>
      <c r="B304" s="128"/>
      <c r="C304" s="129"/>
      <c r="D304" s="130"/>
      <c r="E304" s="116"/>
      <c r="F304" s="131"/>
      <c r="G304" s="132"/>
      <c r="H304" s="142" t="s">
        <v>69</v>
      </c>
      <c r="I304" s="143" t="s">
        <v>11</v>
      </c>
      <c r="J304" s="144" t="s">
        <v>23</v>
      </c>
      <c r="K304" s="145"/>
      <c r="L304" s="146"/>
      <c r="M304" s="147" t="s">
        <v>11</v>
      </c>
      <c r="N304" s="144" t="s">
        <v>24</v>
      </c>
      <c r="O304" s="147"/>
      <c r="P304" s="144"/>
      <c r="Q304" s="148"/>
      <c r="R304" s="148"/>
      <c r="S304" s="148"/>
      <c r="T304" s="148"/>
      <c r="U304" s="148"/>
      <c r="V304" s="148"/>
      <c r="W304" s="148"/>
      <c r="X304" s="149"/>
      <c r="Y304" s="113"/>
      <c r="Z304" s="114"/>
      <c r="AA304" s="135"/>
      <c r="AB304" s="136"/>
      <c r="AC304" s="113"/>
      <c r="AD304" s="114"/>
      <c r="AE304" s="135"/>
      <c r="AF304" s="136"/>
    </row>
    <row r="305" spans="1:32" ht="18.75" customHeight="1" x14ac:dyDescent="0.15">
      <c r="A305" s="127"/>
      <c r="B305" s="128"/>
      <c r="C305" s="129"/>
      <c r="D305" s="130"/>
      <c r="E305" s="116"/>
      <c r="F305" s="131"/>
      <c r="G305" s="238"/>
      <c r="H305" s="395" t="s">
        <v>232</v>
      </c>
      <c r="I305" s="397" t="s">
        <v>11</v>
      </c>
      <c r="J305" s="421" t="s">
        <v>31</v>
      </c>
      <c r="K305" s="421"/>
      <c r="L305" s="421"/>
      <c r="M305" s="397" t="s">
        <v>11</v>
      </c>
      <c r="N305" s="421" t="s">
        <v>32</v>
      </c>
      <c r="O305" s="421"/>
      <c r="P305" s="421"/>
      <c r="Q305" s="162"/>
      <c r="R305" s="162"/>
      <c r="S305" s="162"/>
      <c r="T305" s="162"/>
      <c r="U305" s="162"/>
      <c r="V305" s="162"/>
      <c r="W305" s="162"/>
      <c r="X305" s="163"/>
      <c r="Y305" s="141"/>
      <c r="Z305" s="135"/>
      <c r="AA305" s="135"/>
      <c r="AB305" s="136"/>
      <c r="AC305" s="141"/>
      <c r="AD305" s="135"/>
      <c r="AE305" s="135"/>
      <c r="AF305" s="136"/>
    </row>
    <row r="306" spans="1:32" ht="18.75" customHeight="1" x14ac:dyDescent="0.15">
      <c r="A306" s="127"/>
      <c r="B306" s="128"/>
      <c r="C306" s="129"/>
      <c r="D306" s="130"/>
      <c r="E306" s="116"/>
      <c r="F306" s="131"/>
      <c r="G306" s="238"/>
      <c r="H306" s="395"/>
      <c r="I306" s="397"/>
      <c r="J306" s="421"/>
      <c r="K306" s="421"/>
      <c r="L306" s="421"/>
      <c r="M306" s="397"/>
      <c r="N306" s="421"/>
      <c r="O306" s="421"/>
      <c r="P306" s="421"/>
      <c r="Q306" s="139"/>
      <c r="R306" s="139"/>
      <c r="S306" s="139"/>
      <c r="T306" s="139"/>
      <c r="U306" s="139"/>
      <c r="V306" s="139"/>
      <c r="W306" s="139"/>
      <c r="X306" s="140"/>
      <c r="Y306" s="141"/>
      <c r="Z306" s="135"/>
      <c r="AA306" s="135"/>
      <c r="AB306" s="136"/>
      <c r="AC306" s="141"/>
      <c r="AD306" s="135"/>
      <c r="AE306" s="135"/>
      <c r="AF306" s="136"/>
    </row>
    <row r="307" spans="1:32" ht="18.75" customHeight="1" x14ac:dyDescent="0.15">
      <c r="A307" s="127"/>
      <c r="B307" s="128"/>
      <c r="C307" s="219" t="s">
        <v>354</v>
      </c>
      <c r="D307" s="113" t="s">
        <v>11</v>
      </c>
      <c r="E307" s="116" t="s">
        <v>355</v>
      </c>
      <c r="F307" s="131"/>
      <c r="G307" s="238"/>
      <c r="H307" s="228" t="s">
        <v>103</v>
      </c>
      <c r="I307" s="143" t="s">
        <v>11</v>
      </c>
      <c r="J307" s="144" t="s">
        <v>25</v>
      </c>
      <c r="K307" s="144"/>
      <c r="L307" s="147" t="s">
        <v>11</v>
      </c>
      <c r="M307" s="144" t="s">
        <v>26</v>
      </c>
      <c r="N307" s="144"/>
      <c r="O307" s="147" t="s">
        <v>11</v>
      </c>
      <c r="P307" s="144" t="s">
        <v>27</v>
      </c>
      <c r="Q307" s="148"/>
      <c r="R307" s="148"/>
      <c r="S307" s="148"/>
      <c r="T307" s="148"/>
      <c r="U307" s="169"/>
      <c r="V307" s="169"/>
      <c r="W307" s="169"/>
      <c r="X307" s="170"/>
      <c r="Y307" s="141"/>
      <c r="Z307" s="135"/>
      <c r="AA307" s="135"/>
      <c r="AB307" s="136"/>
      <c r="AC307" s="141"/>
      <c r="AD307" s="135"/>
      <c r="AE307" s="135"/>
      <c r="AF307" s="136"/>
    </row>
    <row r="308" spans="1:32" ht="18.75" customHeight="1" x14ac:dyDescent="0.15">
      <c r="A308" s="113" t="s">
        <v>11</v>
      </c>
      <c r="B308" s="128">
        <v>79</v>
      </c>
      <c r="C308" s="219" t="s">
        <v>356</v>
      </c>
      <c r="D308" s="113" t="s">
        <v>11</v>
      </c>
      <c r="E308" s="116" t="s">
        <v>357</v>
      </c>
      <c r="F308" s="131"/>
      <c r="G308" s="238"/>
      <c r="H308" s="226" t="s">
        <v>85</v>
      </c>
      <c r="I308" s="143" t="s">
        <v>11</v>
      </c>
      <c r="J308" s="144" t="s">
        <v>25</v>
      </c>
      <c r="K308" s="144"/>
      <c r="L308" s="147" t="s">
        <v>11</v>
      </c>
      <c r="M308" s="144" t="s">
        <v>86</v>
      </c>
      <c r="N308" s="144"/>
      <c r="O308" s="147" t="s">
        <v>11</v>
      </c>
      <c r="P308" s="144" t="s">
        <v>87</v>
      </c>
      <c r="Q308" s="200"/>
      <c r="R308" s="147" t="s">
        <v>11</v>
      </c>
      <c r="S308" s="144" t="s">
        <v>88</v>
      </c>
      <c r="T308" s="200"/>
      <c r="U308" s="200"/>
      <c r="V308" s="200"/>
      <c r="W308" s="200"/>
      <c r="X308" s="201"/>
      <c r="Y308" s="141"/>
      <c r="Z308" s="135"/>
      <c r="AA308" s="135"/>
      <c r="AB308" s="136"/>
      <c r="AC308" s="141"/>
      <c r="AD308" s="135"/>
      <c r="AE308" s="135"/>
      <c r="AF308" s="136"/>
    </row>
    <row r="309" spans="1:32" ht="18.75" customHeight="1" x14ac:dyDescent="0.15">
      <c r="A309" s="127"/>
      <c r="B309" s="128"/>
      <c r="C309" s="219" t="s">
        <v>359</v>
      </c>
      <c r="D309" s="131"/>
      <c r="E309" s="116" t="s">
        <v>316</v>
      </c>
      <c r="F309" s="131"/>
      <c r="G309" s="132"/>
      <c r="H309" s="395" t="s">
        <v>37</v>
      </c>
      <c r="I309" s="164" t="s">
        <v>11</v>
      </c>
      <c r="J309" s="153" t="s">
        <v>25</v>
      </c>
      <c r="K309" s="153"/>
      <c r="L309" s="165"/>
      <c r="M309" s="166"/>
      <c r="N309" s="166"/>
      <c r="O309" s="165"/>
      <c r="P309" s="166"/>
      <c r="Q309" s="167"/>
      <c r="R309" s="165"/>
      <c r="S309" s="166"/>
      <c r="T309" s="167"/>
      <c r="U309" s="168" t="s">
        <v>11</v>
      </c>
      <c r="V309" s="153" t="s">
        <v>38</v>
      </c>
      <c r="W309" s="169"/>
      <c r="X309" s="170"/>
      <c r="Y309" s="244"/>
      <c r="Z309" s="244"/>
      <c r="AA309" s="244"/>
      <c r="AB309" s="136"/>
      <c r="AC309" s="141"/>
      <c r="AD309" s="244"/>
      <c r="AE309" s="244"/>
      <c r="AF309" s="136"/>
    </row>
    <row r="310" spans="1:32" ht="18.75" customHeight="1" x14ac:dyDescent="0.15">
      <c r="A310" s="113"/>
      <c r="B310" s="128"/>
      <c r="C310" s="219"/>
      <c r="D310" s="113"/>
      <c r="E310" s="116"/>
      <c r="F310" s="131"/>
      <c r="G310" s="132"/>
      <c r="H310" s="395"/>
      <c r="I310" s="113" t="s">
        <v>11</v>
      </c>
      <c r="J310" s="243" t="s">
        <v>39</v>
      </c>
      <c r="K310" s="243"/>
      <c r="L310" s="245"/>
      <c r="M310" s="245" t="s">
        <v>11</v>
      </c>
      <c r="N310" s="243" t="s">
        <v>40</v>
      </c>
      <c r="O310" s="245"/>
      <c r="P310" s="245"/>
      <c r="Q310" s="245" t="s">
        <v>11</v>
      </c>
      <c r="R310" s="243" t="s">
        <v>41</v>
      </c>
      <c r="S310" s="246"/>
      <c r="T310" s="243"/>
      <c r="U310" s="245" t="s">
        <v>11</v>
      </c>
      <c r="V310" s="243" t="s">
        <v>42</v>
      </c>
      <c r="W310" s="247"/>
      <c r="X310" s="134"/>
      <c r="Y310" s="244"/>
      <c r="Z310" s="244"/>
      <c r="AA310" s="244"/>
      <c r="AB310" s="136"/>
      <c r="AC310" s="141"/>
      <c r="AD310" s="244"/>
      <c r="AE310" s="244"/>
      <c r="AF310" s="136"/>
    </row>
    <row r="311" spans="1:32" ht="18.75" customHeight="1" x14ac:dyDescent="0.15">
      <c r="A311" s="127"/>
      <c r="B311" s="128"/>
      <c r="C311" s="219"/>
      <c r="D311" s="131"/>
      <c r="E311" s="116"/>
      <c r="F311" s="131"/>
      <c r="G311" s="132"/>
      <c r="H311" s="395"/>
      <c r="I311" s="113" t="s">
        <v>11</v>
      </c>
      <c r="J311" s="243" t="s">
        <v>43</v>
      </c>
      <c r="K311" s="243"/>
      <c r="L311" s="245"/>
      <c r="M311" s="245" t="s">
        <v>11</v>
      </c>
      <c r="N311" s="243" t="s">
        <v>44</v>
      </c>
      <c r="O311" s="245"/>
      <c r="P311" s="245"/>
      <c r="Q311" s="245" t="s">
        <v>11</v>
      </c>
      <c r="R311" s="243" t="s">
        <v>45</v>
      </c>
      <c r="S311" s="246"/>
      <c r="T311" s="243"/>
      <c r="U311" s="245" t="s">
        <v>11</v>
      </c>
      <c r="V311" s="243" t="s">
        <v>46</v>
      </c>
      <c r="W311" s="247"/>
      <c r="X311" s="134"/>
      <c r="Y311" s="244"/>
      <c r="Z311" s="244"/>
      <c r="AA311" s="244"/>
      <c r="AB311" s="136"/>
      <c r="AC311" s="141"/>
      <c r="AD311" s="244"/>
      <c r="AE311" s="244"/>
      <c r="AF311" s="136"/>
    </row>
    <row r="312" spans="1:32" ht="18.75" customHeight="1" x14ac:dyDescent="0.15">
      <c r="A312" s="127"/>
      <c r="B312" s="128"/>
      <c r="C312" s="129"/>
      <c r="D312" s="130"/>
      <c r="E312" s="116"/>
      <c r="F312" s="131"/>
      <c r="G312" s="132"/>
      <c r="H312" s="395"/>
      <c r="I312" s="113" t="s">
        <v>11</v>
      </c>
      <c r="J312" s="243" t="s">
        <v>47</v>
      </c>
      <c r="K312" s="243"/>
      <c r="L312" s="245"/>
      <c r="M312" s="245" t="s">
        <v>11</v>
      </c>
      <c r="N312" s="243" t="s">
        <v>48</v>
      </c>
      <c r="O312" s="245"/>
      <c r="P312" s="245"/>
      <c r="Q312" s="245" t="s">
        <v>11</v>
      </c>
      <c r="R312" s="243" t="s">
        <v>49</v>
      </c>
      <c r="S312" s="246"/>
      <c r="T312" s="243"/>
      <c r="U312" s="245" t="s">
        <v>11</v>
      </c>
      <c r="V312" s="243" t="s">
        <v>50</v>
      </c>
      <c r="W312" s="247"/>
      <c r="X312" s="134"/>
      <c r="Y312" s="244"/>
      <c r="Z312" s="244"/>
      <c r="AA312" s="244"/>
      <c r="AB312" s="136"/>
      <c r="AC312" s="141"/>
      <c r="AD312" s="244"/>
      <c r="AE312" s="244"/>
      <c r="AF312" s="136"/>
    </row>
    <row r="313" spans="1:32" ht="18.75" customHeight="1" x14ac:dyDescent="0.15">
      <c r="A313" s="127"/>
      <c r="B313" s="128"/>
      <c r="C313" s="129"/>
      <c r="D313" s="130"/>
      <c r="E313" s="116"/>
      <c r="F313" s="131"/>
      <c r="G313" s="132"/>
      <c r="H313" s="395"/>
      <c r="I313" s="113" t="s">
        <v>11</v>
      </c>
      <c r="J313" s="243" t="s">
        <v>51</v>
      </c>
      <c r="K313" s="243"/>
      <c r="L313" s="245"/>
      <c r="M313" s="245" t="s">
        <v>11</v>
      </c>
      <c r="N313" s="243" t="s">
        <v>52</v>
      </c>
      <c r="O313" s="245"/>
      <c r="P313" s="245"/>
      <c r="Q313" s="245" t="s">
        <v>11</v>
      </c>
      <c r="R313" s="243" t="s">
        <v>53</v>
      </c>
      <c r="S313" s="246"/>
      <c r="T313" s="243"/>
      <c r="U313" s="245" t="s">
        <v>11</v>
      </c>
      <c r="V313" s="243" t="s">
        <v>54</v>
      </c>
      <c r="W313" s="247"/>
      <c r="X313" s="134"/>
      <c r="Y313" s="244"/>
      <c r="Z313" s="244"/>
      <c r="AA313" s="244"/>
      <c r="AB313" s="136"/>
      <c r="AC313" s="141"/>
      <c r="AD313" s="244"/>
      <c r="AE313" s="244"/>
      <c r="AF313" s="136"/>
    </row>
    <row r="314" spans="1:32" ht="18.75" customHeight="1" x14ac:dyDescent="0.15">
      <c r="A314" s="171"/>
      <c r="B314" s="172"/>
      <c r="C314" s="173"/>
      <c r="D314" s="174"/>
      <c r="E314" s="175"/>
      <c r="F314" s="176"/>
      <c r="G314" s="177"/>
      <c r="H314" s="459"/>
      <c r="I314" s="178" t="s">
        <v>11</v>
      </c>
      <c r="J314" s="179" t="s">
        <v>55</v>
      </c>
      <c r="K314" s="179"/>
      <c r="L314" s="180"/>
      <c r="M314" s="180"/>
      <c r="N314" s="179"/>
      <c r="O314" s="180"/>
      <c r="P314" s="180"/>
      <c r="Q314" s="180"/>
      <c r="R314" s="179"/>
      <c r="S314" s="181"/>
      <c r="T314" s="179"/>
      <c r="U314" s="180"/>
      <c r="V314" s="179"/>
      <c r="W314" s="182"/>
      <c r="X314" s="183"/>
      <c r="Y314" s="184"/>
      <c r="Z314" s="184"/>
      <c r="AA314" s="184"/>
      <c r="AB314" s="185"/>
      <c r="AC314" s="186"/>
      <c r="AD314" s="184"/>
      <c r="AE314" s="184"/>
      <c r="AF314" s="185"/>
    </row>
    <row r="315" spans="1:32" ht="18.75" customHeight="1" x14ac:dyDescent="0.15">
      <c r="A315" s="117"/>
      <c r="B315" s="118"/>
      <c r="C315" s="216"/>
      <c r="D315" s="121"/>
      <c r="E315" s="112"/>
      <c r="F315" s="121"/>
      <c r="G315" s="125"/>
      <c r="H315" s="317" t="s">
        <v>66</v>
      </c>
      <c r="I315" s="187" t="s">
        <v>11</v>
      </c>
      <c r="J315" s="188" t="s">
        <v>25</v>
      </c>
      <c r="K315" s="188"/>
      <c r="L315" s="190"/>
      <c r="M315" s="191" t="s">
        <v>11</v>
      </c>
      <c r="N315" s="188" t="s">
        <v>67</v>
      </c>
      <c r="O315" s="188"/>
      <c r="P315" s="190"/>
      <c r="Q315" s="191" t="s">
        <v>11</v>
      </c>
      <c r="R315" s="217" t="s">
        <v>68</v>
      </c>
      <c r="S315" s="217"/>
      <c r="T315" s="217"/>
      <c r="U315" s="217"/>
      <c r="V315" s="217"/>
      <c r="W315" s="217"/>
      <c r="X315" s="218"/>
      <c r="Y315" s="194" t="s">
        <v>11</v>
      </c>
      <c r="Z315" s="110" t="s">
        <v>20</v>
      </c>
      <c r="AA315" s="110"/>
      <c r="AB315" s="126"/>
      <c r="AC315" s="194" t="s">
        <v>11</v>
      </c>
      <c r="AD315" s="110" t="s">
        <v>20</v>
      </c>
      <c r="AE315" s="110"/>
      <c r="AF315" s="126"/>
    </row>
    <row r="316" spans="1:32" ht="19.5" customHeight="1" x14ac:dyDescent="0.15">
      <c r="A316" s="127"/>
      <c r="B316" s="128"/>
      <c r="C316" s="129"/>
      <c r="D316" s="130"/>
      <c r="E316" s="116"/>
      <c r="F316" s="131"/>
      <c r="G316" s="132"/>
      <c r="H316" s="142" t="s">
        <v>22</v>
      </c>
      <c r="I316" s="143" t="s">
        <v>11</v>
      </c>
      <c r="J316" s="144" t="s">
        <v>23</v>
      </c>
      <c r="K316" s="145"/>
      <c r="L316" s="146"/>
      <c r="M316" s="147" t="s">
        <v>11</v>
      </c>
      <c r="N316" s="144" t="s">
        <v>24</v>
      </c>
      <c r="O316" s="147"/>
      <c r="P316" s="144"/>
      <c r="Q316" s="148"/>
      <c r="R316" s="148"/>
      <c r="S316" s="148"/>
      <c r="T316" s="148"/>
      <c r="U316" s="148"/>
      <c r="V316" s="148"/>
      <c r="W316" s="148"/>
      <c r="X316" s="149"/>
      <c r="Y316" s="113" t="s">
        <v>11</v>
      </c>
      <c r="Z316" s="243" t="s">
        <v>21</v>
      </c>
      <c r="AA316" s="244"/>
      <c r="AB316" s="136"/>
      <c r="AC316" s="113" t="s">
        <v>11</v>
      </c>
      <c r="AD316" s="243" t="s">
        <v>21</v>
      </c>
      <c r="AE316" s="244"/>
      <c r="AF316" s="136"/>
    </row>
    <row r="317" spans="1:32" ht="19.5" customHeight="1" x14ac:dyDescent="0.15">
      <c r="A317" s="127"/>
      <c r="B317" s="128"/>
      <c r="C317" s="129"/>
      <c r="D317" s="130"/>
      <c r="E317" s="116"/>
      <c r="F317" s="131"/>
      <c r="G317" s="132"/>
      <c r="H317" s="142" t="s">
        <v>69</v>
      </c>
      <c r="I317" s="143" t="s">
        <v>11</v>
      </c>
      <c r="J317" s="144" t="s">
        <v>23</v>
      </c>
      <c r="K317" s="145"/>
      <c r="L317" s="146"/>
      <c r="M317" s="147" t="s">
        <v>11</v>
      </c>
      <c r="N317" s="144" t="s">
        <v>24</v>
      </c>
      <c r="O317" s="147"/>
      <c r="P317" s="144"/>
      <c r="Q317" s="148"/>
      <c r="R317" s="148"/>
      <c r="S317" s="148"/>
      <c r="T317" s="148"/>
      <c r="U317" s="148"/>
      <c r="V317" s="148"/>
      <c r="W317" s="148"/>
      <c r="X317" s="149"/>
      <c r="Y317" s="113"/>
      <c r="Z317" s="243"/>
      <c r="AA317" s="244"/>
      <c r="AB317" s="136"/>
      <c r="AC317" s="113"/>
      <c r="AD317" s="243"/>
      <c r="AE317" s="244"/>
      <c r="AF317" s="136"/>
    </row>
    <row r="318" spans="1:32" ht="18.75" customHeight="1" x14ac:dyDescent="0.15">
      <c r="A318" s="127"/>
      <c r="B318" s="128"/>
      <c r="C318" s="219"/>
      <c r="D318" s="131"/>
      <c r="E318" s="116"/>
      <c r="F318" s="131"/>
      <c r="G318" s="238"/>
      <c r="H318" s="395" t="s">
        <v>70</v>
      </c>
      <c r="I318" s="464" t="s">
        <v>11</v>
      </c>
      <c r="J318" s="421" t="s">
        <v>25</v>
      </c>
      <c r="K318" s="421"/>
      <c r="L318" s="466" t="s">
        <v>11</v>
      </c>
      <c r="M318" s="421" t="s">
        <v>29</v>
      </c>
      <c r="N318" s="421"/>
      <c r="O318" s="202"/>
      <c r="P318" s="202"/>
      <c r="Q318" s="202"/>
      <c r="R318" s="202"/>
      <c r="S318" s="202"/>
      <c r="T318" s="202"/>
      <c r="U318" s="202"/>
      <c r="V318" s="202"/>
      <c r="W318" s="202"/>
      <c r="X318" s="203"/>
      <c r="Y318" s="141"/>
      <c r="Z318" s="135"/>
      <c r="AA318" s="135"/>
      <c r="AB318" s="136"/>
      <c r="AC318" s="141"/>
      <c r="AD318" s="135"/>
      <c r="AE318" s="135"/>
      <c r="AF318" s="136"/>
    </row>
    <row r="319" spans="1:32" ht="18.75" customHeight="1" x14ac:dyDescent="0.15">
      <c r="A319" s="127"/>
      <c r="B319" s="128"/>
      <c r="C319" s="219"/>
      <c r="D319" s="131"/>
      <c r="E319" s="116"/>
      <c r="F319" s="131"/>
      <c r="G319" s="238"/>
      <c r="H319" s="395"/>
      <c r="I319" s="464"/>
      <c r="J319" s="421"/>
      <c r="K319" s="421"/>
      <c r="L319" s="466"/>
      <c r="M319" s="421"/>
      <c r="N319" s="421"/>
      <c r="O319" s="101"/>
      <c r="P319" s="101"/>
      <c r="Q319" s="101"/>
      <c r="R319" s="101"/>
      <c r="S319" s="101"/>
      <c r="T319" s="101"/>
      <c r="U319" s="101"/>
      <c r="V319" s="101"/>
      <c r="W319" s="101"/>
      <c r="X319" s="159"/>
      <c r="Y319" s="141"/>
      <c r="Z319" s="135"/>
      <c r="AA319" s="135"/>
      <c r="AB319" s="136"/>
      <c r="AC319" s="141"/>
      <c r="AD319" s="135"/>
      <c r="AE319" s="135"/>
      <c r="AF319" s="136"/>
    </row>
    <row r="320" spans="1:32" ht="18.75" customHeight="1" x14ac:dyDescent="0.15">
      <c r="A320" s="127"/>
      <c r="B320" s="128"/>
      <c r="C320" s="219"/>
      <c r="D320" s="131"/>
      <c r="E320" s="116"/>
      <c r="F320" s="131"/>
      <c r="G320" s="238"/>
      <c r="H320" s="395"/>
      <c r="I320" s="464"/>
      <c r="J320" s="421"/>
      <c r="K320" s="421"/>
      <c r="L320" s="466"/>
      <c r="M320" s="421"/>
      <c r="N320" s="421"/>
      <c r="O320" s="138"/>
      <c r="P320" s="138"/>
      <c r="Q320" s="138"/>
      <c r="R320" s="138"/>
      <c r="S320" s="138"/>
      <c r="T320" s="138"/>
      <c r="U320" s="138"/>
      <c r="V320" s="138"/>
      <c r="W320" s="138"/>
      <c r="X320" s="205"/>
      <c r="Y320" s="141"/>
      <c r="Z320" s="135"/>
      <c r="AA320" s="135"/>
      <c r="AB320" s="136"/>
      <c r="AC320" s="141"/>
      <c r="AD320" s="135"/>
      <c r="AE320" s="135"/>
      <c r="AF320" s="136"/>
    </row>
    <row r="321" spans="1:32" ht="18.75" customHeight="1" x14ac:dyDescent="0.15">
      <c r="A321" s="127"/>
      <c r="B321" s="128"/>
      <c r="C321" s="219"/>
      <c r="D321" s="131"/>
      <c r="E321" s="116"/>
      <c r="F321" s="131"/>
      <c r="G321" s="238"/>
      <c r="H321" s="226" t="s">
        <v>71</v>
      </c>
      <c r="I321" s="143" t="s">
        <v>11</v>
      </c>
      <c r="J321" s="144" t="s">
        <v>58</v>
      </c>
      <c r="K321" s="145"/>
      <c r="L321" s="146"/>
      <c r="M321" s="147" t="s">
        <v>11</v>
      </c>
      <c r="N321" s="144" t="s">
        <v>59</v>
      </c>
      <c r="O321" s="148"/>
      <c r="P321" s="148"/>
      <c r="Q321" s="148"/>
      <c r="R321" s="148"/>
      <c r="S321" s="148"/>
      <c r="T321" s="148"/>
      <c r="U321" s="148"/>
      <c r="V321" s="148"/>
      <c r="W321" s="148"/>
      <c r="X321" s="149"/>
      <c r="Y321" s="141"/>
      <c r="Z321" s="135"/>
      <c r="AA321" s="135"/>
      <c r="AB321" s="136"/>
      <c r="AC321" s="141"/>
      <c r="AD321" s="135"/>
      <c r="AE321" s="135"/>
      <c r="AF321" s="136"/>
    </row>
    <row r="322" spans="1:32" ht="18.75" customHeight="1" x14ac:dyDescent="0.15">
      <c r="A322" s="127"/>
      <c r="B322" s="128"/>
      <c r="C322" s="219"/>
      <c r="D322" s="131"/>
      <c r="E322" s="116"/>
      <c r="F322" s="131"/>
      <c r="G322" s="238"/>
      <c r="H322" s="150" t="s">
        <v>77</v>
      </c>
      <c r="I322" s="164" t="s">
        <v>11</v>
      </c>
      <c r="J322" s="144" t="s">
        <v>25</v>
      </c>
      <c r="K322" s="144"/>
      <c r="L322" s="147" t="s">
        <v>11</v>
      </c>
      <c r="M322" s="144" t="s">
        <v>26</v>
      </c>
      <c r="N322" s="144"/>
      <c r="O322" s="168" t="s">
        <v>11</v>
      </c>
      <c r="P322" s="144" t="s">
        <v>27</v>
      </c>
      <c r="Q322" s="200"/>
      <c r="R322" s="200"/>
      <c r="S322" s="200"/>
      <c r="T322" s="200"/>
      <c r="U322" s="200"/>
      <c r="V322" s="200"/>
      <c r="W322" s="200"/>
      <c r="X322" s="201"/>
      <c r="Y322" s="141"/>
      <c r="Z322" s="135"/>
      <c r="AA322" s="135"/>
      <c r="AB322" s="136"/>
      <c r="AC322" s="141"/>
      <c r="AD322" s="135"/>
      <c r="AE322" s="135"/>
      <c r="AF322" s="136"/>
    </row>
    <row r="323" spans="1:32" ht="18.75" customHeight="1" x14ac:dyDescent="0.15">
      <c r="A323" s="127"/>
      <c r="B323" s="128"/>
      <c r="C323" s="219"/>
      <c r="D323" s="131"/>
      <c r="E323" s="116"/>
      <c r="F323" s="131"/>
      <c r="G323" s="238"/>
      <c r="H323" s="150" t="s">
        <v>97</v>
      </c>
      <c r="I323" s="143" t="s">
        <v>11</v>
      </c>
      <c r="J323" s="144" t="s">
        <v>25</v>
      </c>
      <c r="K323" s="144"/>
      <c r="L323" s="147" t="s">
        <v>11</v>
      </c>
      <c r="M323" s="144" t="s">
        <v>56</v>
      </c>
      <c r="N323" s="144"/>
      <c r="O323" s="147" t="s">
        <v>11</v>
      </c>
      <c r="P323" s="144" t="s">
        <v>57</v>
      </c>
      <c r="Q323" s="200"/>
      <c r="R323" s="200"/>
      <c r="S323" s="200"/>
      <c r="T323" s="200"/>
      <c r="U323" s="200"/>
      <c r="V323" s="200"/>
      <c r="W323" s="200"/>
      <c r="X323" s="201"/>
      <c r="Y323" s="141"/>
      <c r="Z323" s="135"/>
      <c r="AA323" s="135"/>
      <c r="AB323" s="136"/>
      <c r="AC323" s="141"/>
      <c r="AD323" s="135"/>
      <c r="AE323" s="135"/>
      <c r="AF323" s="136"/>
    </row>
    <row r="324" spans="1:32" ht="18.75" customHeight="1" x14ac:dyDescent="0.15">
      <c r="A324" s="127"/>
      <c r="B324" s="128"/>
      <c r="C324" s="219"/>
      <c r="D324" s="131"/>
      <c r="E324" s="116"/>
      <c r="F324" s="131"/>
      <c r="G324" s="238"/>
      <c r="H324" s="150" t="s">
        <v>110</v>
      </c>
      <c r="I324" s="143" t="s">
        <v>11</v>
      </c>
      <c r="J324" s="144" t="s">
        <v>25</v>
      </c>
      <c r="K324" s="145"/>
      <c r="L324" s="147" t="s">
        <v>11</v>
      </c>
      <c r="M324" s="144" t="s">
        <v>29</v>
      </c>
      <c r="N324" s="200"/>
      <c r="O324" s="200"/>
      <c r="P324" s="200"/>
      <c r="Q324" s="200"/>
      <c r="R324" s="200"/>
      <c r="S324" s="200"/>
      <c r="T324" s="200"/>
      <c r="U324" s="200"/>
      <c r="V324" s="200"/>
      <c r="W324" s="200"/>
      <c r="X324" s="201"/>
      <c r="Y324" s="141"/>
      <c r="Z324" s="135"/>
      <c r="AA324" s="135"/>
      <c r="AB324" s="136"/>
      <c r="AC324" s="141"/>
      <c r="AD324" s="135"/>
      <c r="AE324" s="135"/>
      <c r="AF324" s="136"/>
    </row>
    <row r="325" spans="1:32" ht="18.75" customHeight="1" x14ac:dyDescent="0.15">
      <c r="A325" s="127"/>
      <c r="B325" s="128"/>
      <c r="C325" s="219"/>
      <c r="D325" s="131"/>
      <c r="E325" s="116"/>
      <c r="F325" s="131"/>
      <c r="G325" s="238"/>
      <c r="H325" s="226" t="s">
        <v>234</v>
      </c>
      <c r="I325" s="143" t="s">
        <v>11</v>
      </c>
      <c r="J325" s="144" t="s">
        <v>25</v>
      </c>
      <c r="K325" s="145"/>
      <c r="L325" s="147" t="s">
        <v>11</v>
      </c>
      <c r="M325" s="144" t="s">
        <v>29</v>
      </c>
      <c r="N325" s="200"/>
      <c r="O325" s="200"/>
      <c r="P325" s="200"/>
      <c r="Q325" s="200"/>
      <c r="R325" s="200"/>
      <c r="S325" s="200"/>
      <c r="T325" s="200"/>
      <c r="U325" s="200"/>
      <c r="V325" s="200"/>
      <c r="W325" s="200"/>
      <c r="X325" s="201"/>
      <c r="Y325" s="141"/>
      <c r="Z325" s="135"/>
      <c r="AA325" s="135"/>
      <c r="AB325" s="136"/>
      <c r="AC325" s="141"/>
      <c r="AD325" s="135"/>
      <c r="AE325" s="135"/>
      <c r="AF325" s="136"/>
    </row>
    <row r="326" spans="1:32" ht="18.75" customHeight="1" x14ac:dyDescent="0.15">
      <c r="A326" s="113" t="s">
        <v>11</v>
      </c>
      <c r="B326" s="128">
        <v>74</v>
      </c>
      <c r="C326" s="219" t="s">
        <v>360</v>
      </c>
      <c r="D326" s="113" t="s">
        <v>11</v>
      </c>
      <c r="E326" s="116" t="s">
        <v>101</v>
      </c>
      <c r="F326" s="131"/>
      <c r="G326" s="238"/>
      <c r="H326" s="114" t="s">
        <v>82</v>
      </c>
      <c r="I326" s="143" t="s">
        <v>11</v>
      </c>
      <c r="J326" s="144" t="s">
        <v>25</v>
      </c>
      <c r="K326" s="145"/>
      <c r="L326" s="147" t="s">
        <v>11</v>
      </c>
      <c r="M326" s="144" t="s">
        <v>29</v>
      </c>
      <c r="N326" s="200"/>
      <c r="O326" s="200"/>
      <c r="P326" s="200"/>
      <c r="Q326" s="200"/>
      <c r="R326" s="200"/>
      <c r="S326" s="200"/>
      <c r="T326" s="200"/>
      <c r="U326" s="200"/>
      <c r="V326" s="200"/>
      <c r="W326" s="200"/>
      <c r="X326" s="201"/>
      <c r="Y326" s="141"/>
      <c r="Z326" s="135"/>
      <c r="AA326" s="135"/>
      <c r="AB326" s="136"/>
      <c r="AC326" s="141"/>
      <c r="AD326" s="135"/>
      <c r="AE326" s="135"/>
      <c r="AF326" s="136"/>
    </row>
    <row r="327" spans="1:32" ht="18.75" customHeight="1" x14ac:dyDescent="0.15">
      <c r="A327" s="127"/>
      <c r="B327" s="128"/>
      <c r="C327" s="219" t="s">
        <v>76</v>
      </c>
      <c r="D327" s="113" t="s">
        <v>11</v>
      </c>
      <c r="E327" s="116" t="s">
        <v>306</v>
      </c>
      <c r="F327" s="131"/>
      <c r="G327" s="238"/>
      <c r="H327" s="150" t="s">
        <v>83</v>
      </c>
      <c r="I327" s="143" t="s">
        <v>11</v>
      </c>
      <c r="J327" s="144" t="s">
        <v>25</v>
      </c>
      <c r="K327" s="145"/>
      <c r="L327" s="147" t="s">
        <v>11</v>
      </c>
      <c r="M327" s="144" t="s">
        <v>29</v>
      </c>
      <c r="N327" s="200"/>
      <c r="O327" s="200"/>
      <c r="P327" s="200"/>
      <c r="Q327" s="200"/>
      <c r="R327" s="200"/>
      <c r="S327" s="200"/>
      <c r="T327" s="200"/>
      <c r="U327" s="200"/>
      <c r="V327" s="200"/>
      <c r="W327" s="200"/>
      <c r="X327" s="201"/>
      <c r="Y327" s="141"/>
      <c r="Z327" s="135"/>
      <c r="AA327" s="135"/>
      <c r="AB327" s="136"/>
      <c r="AC327" s="141"/>
      <c r="AD327" s="135"/>
      <c r="AE327" s="135"/>
      <c r="AF327" s="136"/>
    </row>
    <row r="328" spans="1:32" ht="18.75" customHeight="1" x14ac:dyDescent="0.15">
      <c r="A328" s="127"/>
      <c r="B328" s="128"/>
      <c r="C328" s="219"/>
      <c r="D328" s="113" t="s">
        <v>11</v>
      </c>
      <c r="E328" s="116" t="s">
        <v>307</v>
      </c>
      <c r="F328" s="131"/>
      <c r="G328" s="238"/>
      <c r="H328" s="150" t="s">
        <v>84</v>
      </c>
      <c r="I328" s="143" t="s">
        <v>11</v>
      </c>
      <c r="J328" s="144" t="s">
        <v>25</v>
      </c>
      <c r="K328" s="145"/>
      <c r="L328" s="147" t="s">
        <v>11</v>
      </c>
      <c r="M328" s="144" t="s">
        <v>29</v>
      </c>
      <c r="N328" s="200"/>
      <c r="O328" s="200"/>
      <c r="P328" s="200"/>
      <c r="Q328" s="200"/>
      <c r="R328" s="200"/>
      <c r="S328" s="200"/>
      <c r="T328" s="200"/>
      <c r="U328" s="200"/>
      <c r="V328" s="200"/>
      <c r="W328" s="200"/>
      <c r="X328" s="201"/>
      <c r="Y328" s="141"/>
      <c r="Z328" s="135"/>
      <c r="AA328" s="135"/>
      <c r="AB328" s="136"/>
      <c r="AC328" s="141"/>
      <c r="AD328" s="135"/>
      <c r="AE328" s="135"/>
      <c r="AF328" s="136"/>
    </row>
    <row r="329" spans="1:32" ht="18.75" customHeight="1" x14ac:dyDescent="0.15">
      <c r="A329" s="127"/>
      <c r="B329" s="128"/>
      <c r="C329" s="219"/>
      <c r="D329" s="131"/>
      <c r="E329" s="116"/>
      <c r="F329" s="131"/>
      <c r="G329" s="238"/>
      <c r="H329" s="226" t="s">
        <v>85</v>
      </c>
      <c r="I329" s="143" t="s">
        <v>11</v>
      </c>
      <c r="J329" s="144" t="s">
        <v>25</v>
      </c>
      <c r="K329" s="144"/>
      <c r="L329" s="147" t="s">
        <v>11</v>
      </c>
      <c r="M329" s="144" t="s">
        <v>91</v>
      </c>
      <c r="N329" s="144"/>
      <c r="O329" s="147" t="s">
        <v>11</v>
      </c>
      <c r="P329" s="144" t="s">
        <v>65</v>
      </c>
      <c r="Q329" s="200"/>
      <c r="R329" s="147" t="s">
        <v>11</v>
      </c>
      <c r="S329" s="144" t="s">
        <v>92</v>
      </c>
      <c r="T329" s="200"/>
      <c r="U329" s="200"/>
      <c r="V329" s="200"/>
      <c r="W329" s="200"/>
      <c r="X329" s="201"/>
      <c r="Y329" s="141"/>
      <c r="Z329" s="135"/>
      <c r="AA329" s="135"/>
      <c r="AB329" s="136"/>
      <c r="AC329" s="141"/>
      <c r="AD329" s="135"/>
      <c r="AE329" s="135"/>
      <c r="AF329" s="136"/>
    </row>
    <row r="330" spans="1:32" ht="18.75" customHeight="1" x14ac:dyDescent="0.15">
      <c r="A330" s="127"/>
      <c r="B330" s="128"/>
      <c r="C330" s="129"/>
      <c r="D330" s="130"/>
      <c r="E330" s="116"/>
      <c r="F330" s="131"/>
      <c r="G330" s="132"/>
      <c r="H330" s="395" t="s">
        <v>37</v>
      </c>
      <c r="I330" s="164" t="s">
        <v>11</v>
      </c>
      <c r="J330" s="153" t="s">
        <v>25</v>
      </c>
      <c r="K330" s="153"/>
      <c r="L330" s="165"/>
      <c r="M330" s="166"/>
      <c r="N330" s="166"/>
      <c r="O330" s="165"/>
      <c r="P330" s="166"/>
      <c r="Q330" s="167"/>
      <c r="R330" s="165"/>
      <c r="S330" s="166"/>
      <c r="T330" s="167"/>
      <c r="U330" s="168" t="s">
        <v>11</v>
      </c>
      <c r="V330" s="153" t="s">
        <v>38</v>
      </c>
      <c r="W330" s="169"/>
      <c r="X330" s="170"/>
      <c r="Y330" s="135"/>
      <c r="Z330" s="135"/>
      <c r="AA330" s="135"/>
      <c r="AB330" s="136"/>
      <c r="AC330" s="141"/>
      <c r="AD330" s="135"/>
      <c r="AE330" s="135"/>
      <c r="AF330" s="136"/>
    </row>
    <row r="331" spans="1:32" ht="18.75" customHeight="1" x14ac:dyDescent="0.15">
      <c r="A331" s="127"/>
      <c r="B331" s="128"/>
      <c r="C331" s="129"/>
      <c r="D331" s="130"/>
      <c r="E331" s="116"/>
      <c r="F331" s="131"/>
      <c r="G331" s="132"/>
      <c r="H331" s="395"/>
      <c r="I331" s="113" t="s">
        <v>11</v>
      </c>
      <c r="J331" s="114" t="s">
        <v>39</v>
      </c>
      <c r="K331" s="114"/>
      <c r="L331" s="109"/>
      <c r="M331" s="109" t="s">
        <v>11</v>
      </c>
      <c r="N331" s="114" t="s">
        <v>40</v>
      </c>
      <c r="O331" s="109"/>
      <c r="P331" s="109"/>
      <c r="Q331" s="109" t="s">
        <v>11</v>
      </c>
      <c r="R331" s="114" t="s">
        <v>41</v>
      </c>
      <c r="S331" s="101"/>
      <c r="T331" s="114"/>
      <c r="U331" s="109" t="s">
        <v>11</v>
      </c>
      <c r="V331" s="114" t="s">
        <v>42</v>
      </c>
      <c r="W331" s="133"/>
      <c r="X331" s="134"/>
      <c r="Y331" s="135"/>
      <c r="Z331" s="135"/>
      <c r="AA331" s="135"/>
      <c r="AB331" s="136"/>
      <c r="AC331" s="141"/>
      <c r="AD331" s="135"/>
      <c r="AE331" s="135"/>
      <c r="AF331" s="136"/>
    </row>
    <row r="332" spans="1:32" ht="18.75" customHeight="1" x14ac:dyDescent="0.15">
      <c r="A332" s="127"/>
      <c r="B332" s="128"/>
      <c r="C332" s="129"/>
      <c r="D332" s="130"/>
      <c r="E332" s="116"/>
      <c r="F332" s="131"/>
      <c r="G332" s="132"/>
      <c r="H332" s="395"/>
      <c r="I332" s="113" t="s">
        <v>11</v>
      </c>
      <c r="J332" s="114" t="s">
        <v>43</v>
      </c>
      <c r="K332" s="114"/>
      <c r="L332" s="109"/>
      <c r="M332" s="109" t="s">
        <v>11</v>
      </c>
      <c r="N332" s="114" t="s">
        <v>44</v>
      </c>
      <c r="O332" s="109"/>
      <c r="P332" s="109"/>
      <c r="Q332" s="109" t="s">
        <v>11</v>
      </c>
      <c r="R332" s="114" t="s">
        <v>45</v>
      </c>
      <c r="S332" s="101"/>
      <c r="T332" s="114"/>
      <c r="U332" s="109" t="s">
        <v>11</v>
      </c>
      <c r="V332" s="114" t="s">
        <v>46</v>
      </c>
      <c r="W332" s="133"/>
      <c r="X332" s="134"/>
      <c r="Y332" s="135"/>
      <c r="Z332" s="135"/>
      <c r="AA332" s="135"/>
      <c r="AB332" s="136"/>
      <c r="AC332" s="141"/>
      <c r="AD332" s="135"/>
      <c r="AE332" s="135"/>
      <c r="AF332" s="136"/>
    </row>
    <row r="333" spans="1:32" ht="18.75" customHeight="1" x14ac:dyDescent="0.15">
      <c r="A333" s="127"/>
      <c r="B333" s="128"/>
      <c r="C333" s="129"/>
      <c r="D333" s="130"/>
      <c r="E333" s="116"/>
      <c r="F333" s="131"/>
      <c r="G333" s="132"/>
      <c r="H333" s="395"/>
      <c r="I333" s="113" t="s">
        <v>11</v>
      </c>
      <c r="J333" s="114" t="s">
        <v>47</v>
      </c>
      <c r="K333" s="114"/>
      <c r="L333" s="109"/>
      <c r="M333" s="109" t="s">
        <v>11</v>
      </c>
      <c r="N333" s="114" t="s">
        <v>48</v>
      </c>
      <c r="O333" s="109"/>
      <c r="P333" s="109"/>
      <c r="Q333" s="109" t="s">
        <v>11</v>
      </c>
      <c r="R333" s="114" t="s">
        <v>49</v>
      </c>
      <c r="S333" s="101"/>
      <c r="T333" s="114"/>
      <c r="U333" s="109" t="s">
        <v>11</v>
      </c>
      <c r="V333" s="114" t="s">
        <v>50</v>
      </c>
      <c r="W333" s="133"/>
      <c r="X333" s="134"/>
      <c r="Y333" s="135"/>
      <c r="Z333" s="135"/>
      <c r="AA333" s="135"/>
      <c r="AB333" s="136"/>
      <c r="AC333" s="141"/>
      <c r="AD333" s="135"/>
      <c r="AE333" s="135"/>
      <c r="AF333" s="136"/>
    </row>
    <row r="334" spans="1:32" ht="18.75" customHeight="1" x14ac:dyDescent="0.15">
      <c r="A334" s="127"/>
      <c r="B334" s="128"/>
      <c r="C334" s="129"/>
      <c r="D334" s="130"/>
      <c r="E334" s="116"/>
      <c r="F334" s="131"/>
      <c r="G334" s="132"/>
      <c r="H334" s="395"/>
      <c r="I334" s="113" t="s">
        <v>11</v>
      </c>
      <c r="J334" s="114" t="s">
        <v>51</v>
      </c>
      <c r="K334" s="114"/>
      <c r="L334" s="109"/>
      <c r="M334" s="109" t="s">
        <v>11</v>
      </c>
      <c r="N334" s="114" t="s">
        <v>52</v>
      </c>
      <c r="O334" s="109"/>
      <c r="P334" s="109"/>
      <c r="Q334" s="109" t="s">
        <v>11</v>
      </c>
      <c r="R334" s="114" t="s">
        <v>53</v>
      </c>
      <c r="S334" s="101"/>
      <c r="T334" s="114"/>
      <c r="U334" s="109" t="s">
        <v>11</v>
      </c>
      <c r="V334" s="114" t="s">
        <v>54</v>
      </c>
      <c r="W334" s="133"/>
      <c r="X334" s="134"/>
      <c r="Y334" s="135"/>
      <c r="Z334" s="135"/>
      <c r="AA334" s="135"/>
      <c r="AB334" s="136"/>
      <c r="AC334" s="141"/>
      <c r="AD334" s="135"/>
      <c r="AE334" s="135"/>
      <c r="AF334" s="136"/>
    </row>
    <row r="335" spans="1:32" ht="18.75" customHeight="1" x14ac:dyDescent="0.15">
      <c r="A335" s="127"/>
      <c r="B335" s="128"/>
      <c r="C335" s="129"/>
      <c r="D335" s="130"/>
      <c r="E335" s="116"/>
      <c r="F335" s="131"/>
      <c r="G335" s="132"/>
      <c r="H335" s="395"/>
      <c r="I335" s="113" t="s">
        <v>11</v>
      </c>
      <c r="J335" s="114" t="s">
        <v>55</v>
      </c>
      <c r="K335" s="114"/>
      <c r="L335" s="109"/>
      <c r="M335" s="109"/>
      <c r="N335" s="114"/>
      <c r="O335" s="109"/>
      <c r="P335" s="109"/>
      <c r="Q335" s="109"/>
      <c r="R335" s="114"/>
      <c r="S335" s="101"/>
      <c r="T335" s="114"/>
      <c r="U335" s="109"/>
      <c r="V335" s="114"/>
      <c r="W335" s="133"/>
      <c r="X335" s="134"/>
      <c r="Y335" s="135"/>
      <c r="Z335" s="135"/>
      <c r="AA335" s="135"/>
      <c r="AB335" s="136"/>
      <c r="AC335" s="141"/>
      <c r="AD335" s="135"/>
      <c r="AE335" s="135"/>
      <c r="AF335" s="136"/>
    </row>
    <row r="336" spans="1:32" ht="18.75" customHeight="1" x14ac:dyDescent="0.15">
      <c r="A336" s="117"/>
      <c r="B336" s="118"/>
      <c r="C336" s="216"/>
      <c r="D336" s="121"/>
      <c r="E336" s="112"/>
      <c r="F336" s="121"/>
      <c r="G336" s="125"/>
      <c r="H336" s="317" t="s">
        <v>308</v>
      </c>
      <c r="I336" s="187" t="s">
        <v>11</v>
      </c>
      <c r="J336" s="188" t="s">
        <v>25</v>
      </c>
      <c r="K336" s="188"/>
      <c r="L336" s="190"/>
      <c r="M336" s="191" t="s">
        <v>11</v>
      </c>
      <c r="N336" s="188" t="s">
        <v>67</v>
      </c>
      <c r="O336" s="188"/>
      <c r="P336" s="190"/>
      <c r="Q336" s="191" t="s">
        <v>11</v>
      </c>
      <c r="R336" s="217" t="s">
        <v>68</v>
      </c>
      <c r="S336" s="217"/>
      <c r="T336" s="217"/>
      <c r="U336" s="217"/>
      <c r="V336" s="217"/>
      <c r="W336" s="217"/>
      <c r="X336" s="218"/>
      <c r="Y336" s="194" t="s">
        <v>11</v>
      </c>
      <c r="Z336" s="110" t="s">
        <v>20</v>
      </c>
      <c r="AA336" s="110"/>
      <c r="AB336" s="126"/>
      <c r="AC336" s="194" t="s">
        <v>11</v>
      </c>
      <c r="AD336" s="110" t="s">
        <v>20</v>
      </c>
      <c r="AE336" s="110"/>
      <c r="AF336" s="126"/>
    </row>
    <row r="337" spans="1:32" ht="19.5" customHeight="1" x14ac:dyDescent="0.15">
      <c r="A337" s="127"/>
      <c r="B337" s="128"/>
      <c r="C337" s="129"/>
      <c r="D337" s="131"/>
      <c r="E337" s="116"/>
      <c r="F337" s="131"/>
      <c r="G337" s="132"/>
      <c r="H337" s="142" t="s">
        <v>22</v>
      </c>
      <c r="I337" s="143" t="s">
        <v>11</v>
      </c>
      <c r="J337" s="144" t="s">
        <v>23</v>
      </c>
      <c r="K337" s="145"/>
      <c r="L337" s="146"/>
      <c r="M337" s="147" t="s">
        <v>11</v>
      </c>
      <c r="N337" s="144" t="s">
        <v>24</v>
      </c>
      <c r="O337" s="147"/>
      <c r="P337" s="144"/>
      <c r="Q337" s="148"/>
      <c r="R337" s="148"/>
      <c r="S337" s="148"/>
      <c r="T337" s="148"/>
      <c r="U337" s="148"/>
      <c r="V337" s="148"/>
      <c r="W337" s="148"/>
      <c r="X337" s="149"/>
      <c r="Y337" s="113" t="s">
        <v>11</v>
      </c>
      <c r="Z337" s="114" t="s">
        <v>21</v>
      </c>
      <c r="AA337" s="135"/>
      <c r="AB337" s="136"/>
      <c r="AC337" s="113" t="s">
        <v>11</v>
      </c>
      <c r="AD337" s="114" t="s">
        <v>21</v>
      </c>
      <c r="AE337" s="135"/>
      <c r="AF337" s="136"/>
    </row>
    <row r="338" spans="1:32" ht="19.5" customHeight="1" x14ac:dyDescent="0.15">
      <c r="A338" s="127"/>
      <c r="B338" s="128"/>
      <c r="C338" s="129"/>
      <c r="D338" s="131"/>
      <c r="E338" s="116"/>
      <c r="F338" s="131"/>
      <c r="G338" s="132"/>
      <c r="H338" s="142" t="s">
        <v>69</v>
      </c>
      <c r="I338" s="143" t="s">
        <v>11</v>
      </c>
      <c r="J338" s="144" t="s">
        <v>23</v>
      </c>
      <c r="K338" s="145"/>
      <c r="L338" s="146"/>
      <c r="M338" s="147" t="s">
        <v>11</v>
      </c>
      <c r="N338" s="144" t="s">
        <v>24</v>
      </c>
      <c r="O338" s="147"/>
      <c r="P338" s="144"/>
      <c r="Q338" s="148"/>
      <c r="R338" s="148"/>
      <c r="S338" s="148"/>
      <c r="T338" s="148"/>
      <c r="U338" s="148"/>
      <c r="V338" s="148"/>
      <c r="W338" s="148"/>
      <c r="X338" s="149"/>
      <c r="Y338" s="113"/>
      <c r="Z338" s="114"/>
      <c r="AA338" s="135"/>
      <c r="AB338" s="136"/>
      <c r="AC338" s="113"/>
      <c r="AD338" s="114"/>
      <c r="AE338" s="135"/>
      <c r="AF338" s="136"/>
    </row>
    <row r="339" spans="1:32" ht="18.75" customHeight="1" x14ac:dyDescent="0.15">
      <c r="A339" s="127"/>
      <c r="B339" s="128"/>
      <c r="C339" s="219"/>
      <c r="D339" s="131"/>
      <c r="E339" s="116"/>
      <c r="F339" s="131"/>
      <c r="G339" s="238"/>
      <c r="H339" s="226" t="s">
        <v>62</v>
      </c>
      <c r="I339" s="143" t="s">
        <v>11</v>
      </c>
      <c r="J339" s="144" t="s">
        <v>25</v>
      </c>
      <c r="K339" s="145"/>
      <c r="L339" s="147" t="s">
        <v>11</v>
      </c>
      <c r="M339" s="144" t="s">
        <v>29</v>
      </c>
      <c r="N339" s="200"/>
      <c r="O339" s="200"/>
      <c r="P339" s="200"/>
      <c r="Q339" s="200"/>
      <c r="R339" s="200"/>
      <c r="S339" s="200"/>
      <c r="T339" s="200"/>
      <c r="U339" s="200"/>
      <c r="V339" s="200"/>
      <c r="W339" s="200"/>
      <c r="X339" s="201"/>
      <c r="Y339" s="141"/>
      <c r="Z339" s="135"/>
      <c r="AA339" s="135"/>
      <c r="AB339" s="136"/>
      <c r="AC339" s="141"/>
      <c r="AD339" s="135"/>
      <c r="AE339" s="135"/>
      <c r="AF339" s="136"/>
    </row>
    <row r="340" spans="1:32" ht="18.75" customHeight="1" x14ac:dyDescent="0.15">
      <c r="A340" s="127"/>
      <c r="B340" s="128"/>
      <c r="C340" s="219"/>
      <c r="D340" s="131"/>
      <c r="E340" s="116"/>
      <c r="F340" s="131"/>
      <c r="G340" s="238"/>
      <c r="H340" s="395" t="s">
        <v>232</v>
      </c>
      <c r="I340" s="397" t="s">
        <v>11</v>
      </c>
      <c r="J340" s="421" t="s">
        <v>31</v>
      </c>
      <c r="K340" s="421"/>
      <c r="L340" s="421"/>
      <c r="M340" s="397" t="s">
        <v>11</v>
      </c>
      <c r="N340" s="421" t="s">
        <v>32</v>
      </c>
      <c r="O340" s="421"/>
      <c r="P340" s="421"/>
      <c r="Q340" s="162"/>
      <c r="R340" s="162"/>
      <c r="S340" s="162"/>
      <c r="T340" s="162"/>
      <c r="U340" s="162"/>
      <c r="V340" s="162"/>
      <c r="W340" s="162"/>
      <c r="X340" s="163"/>
      <c r="Y340" s="141"/>
      <c r="Z340" s="135"/>
      <c r="AA340" s="135"/>
      <c r="AB340" s="136"/>
      <c r="AC340" s="141"/>
      <c r="AD340" s="135"/>
      <c r="AE340" s="135"/>
      <c r="AF340" s="136"/>
    </row>
    <row r="341" spans="1:32" ht="18.75" customHeight="1" x14ac:dyDescent="0.15">
      <c r="A341" s="127"/>
      <c r="B341" s="128"/>
      <c r="C341" s="219"/>
      <c r="D341" s="131"/>
      <c r="E341" s="116"/>
      <c r="F341" s="131"/>
      <c r="G341" s="238"/>
      <c r="H341" s="395"/>
      <c r="I341" s="397"/>
      <c r="J341" s="421"/>
      <c r="K341" s="421"/>
      <c r="L341" s="421"/>
      <c r="M341" s="397"/>
      <c r="N341" s="421"/>
      <c r="O341" s="421"/>
      <c r="P341" s="421"/>
      <c r="Q341" s="139"/>
      <c r="R341" s="139"/>
      <c r="S341" s="139"/>
      <c r="T341" s="139"/>
      <c r="U341" s="139"/>
      <c r="V341" s="139"/>
      <c r="W341" s="139"/>
      <c r="X341" s="140"/>
      <c r="Y341" s="141"/>
      <c r="Z341" s="135"/>
      <c r="AA341" s="135"/>
      <c r="AB341" s="136"/>
      <c r="AC341" s="141"/>
      <c r="AD341" s="135"/>
      <c r="AE341" s="135"/>
      <c r="AF341" s="136"/>
    </row>
    <row r="342" spans="1:32" ht="18.75" customHeight="1" x14ac:dyDescent="0.15">
      <c r="A342" s="113" t="s">
        <v>11</v>
      </c>
      <c r="B342" s="128">
        <v>75</v>
      </c>
      <c r="C342" s="219" t="s">
        <v>361</v>
      </c>
      <c r="D342" s="113" t="s">
        <v>11</v>
      </c>
      <c r="E342" s="116" t="s">
        <v>362</v>
      </c>
      <c r="F342" s="131"/>
      <c r="G342" s="238"/>
      <c r="H342" s="226" t="s">
        <v>309</v>
      </c>
      <c r="I342" s="143" t="s">
        <v>11</v>
      </c>
      <c r="J342" s="144" t="s">
        <v>25</v>
      </c>
      <c r="K342" s="145"/>
      <c r="L342" s="147" t="s">
        <v>11</v>
      </c>
      <c r="M342" s="144" t="s">
        <v>29</v>
      </c>
      <c r="N342" s="200"/>
      <c r="O342" s="200"/>
      <c r="P342" s="200"/>
      <c r="Q342" s="200"/>
      <c r="R342" s="200"/>
      <c r="S342" s="200"/>
      <c r="T342" s="200"/>
      <c r="U342" s="200"/>
      <c r="V342" s="200"/>
      <c r="W342" s="200"/>
      <c r="X342" s="201"/>
      <c r="Y342" s="141"/>
      <c r="Z342" s="135"/>
      <c r="AA342" s="135"/>
      <c r="AB342" s="136"/>
      <c r="AC342" s="141"/>
      <c r="AD342" s="135"/>
      <c r="AE342" s="135"/>
      <c r="AF342" s="136"/>
    </row>
    <row r="343" spans="1:32" ht="18.75" customHeight="1" x14ac:dyDescent="0.15">
      <c r="A343" s="127"/>
      <c r="B343" s="128"/>
      <c r="C343" s="219" t="s">
        <v>363</v>
      </c>
      <c r="D343" s="113" t="s">
        <v>11</v>
      </c>
      <c r="E343" s="116" t="s">
        <v>364</v>
      </c>
      <c r="F343" s="131"/>
      <c r="G343" s="238"/>
      <c r="H343" s="226" t="s">
        <v>279</v>
      </c>
      <c r="I343" s="143" t="s">
        <v>11</v>
      </c>
      <c r="J343" s="144" t="s">
        <v>25</v>
      </c>
      <c r="K343" s="145"/>
      <c r="L343" s="147" t="s">
        <v>11</v>
      </c>
      <c r="M343" s="144" t="s">
        <v>56</v>
      </c>
      <c r="N343" s="144"/>
      <c r="O343" s="168" t="s">
        <v>11</v>
      </c>
      <c r="P343" s="153" t="s">
        <v>57</v>
      </c>
      <c r="Q343" s="144"/>
      <c r="R343" s="144"/>
      <c r="S343" s="145"/>
      <c r="T343" s="144"/>
      <c r="U343" s="145"/>
      <c r="V343" s="145"/>
      <c r="W343" s="145"/>
      <c r="X343" s="152"/>
      <c r="Y343" s="141"/>
      <c r="Z343" s="135"/>
      <c r="AA343" s="135"/>
      <c r="AB343" s="136"/>
      <c r="AC343" s="141"/>
      <c r="AD343" s="135"/>
      <c r="AE343" s="135"/>
      <c r="AF343" s="136"/>
    </row>
    <row r="344" spans="1:32" ht="18.75" customHeight="1" x14ac:dyDescent="0.15">
      <c r="A344" s="127"/>
      <c r="B344" s="128"/>
      <c r="C344" s="129"/>
      <c r="D344" s="130"/>
      <c r="E344" s="116" t="s">
        <v>316</v>
      </c>
      <c r="F344" s="131"/>
      <c r="G344" s="238"/>
      <c r="H344" s="150" t="s">
        <v>84</v>
      </c>
      <c r="I344" s="143" t="s">
        <v>11</v>
      </c>
      <c r="J344" s="144" t="s">
        <v>25</v>
      </c>
      <c r="K344" s="145"/>
      <c r="L344" s="147" t="s">
        <v>11</v>
      </c>
      <c r="M344" s="144" t="s">
        <v>29</v>
      </c>
      <c r="N344" s="200"/>
      <c r="O344" s="200"/>
      <c r="P344" s="200"/>
      <c r="Q344" s="200"/>
      <c r="R344" s="200"/>
      <c r="S344" s="200"/>
      <c r="T344" s="200"/>
      <c r="U344" s="200"/>
      <c r="V344" s="200"/>
      <c r="W344" s="200"/>
      <c r="X344" s="201"/>
      <c r="Y344" s="141"/>
      <c r="Z344" s="135"/>
      <c r="AA344" s="135"/>
      <c r="AB344" s="136"/>
      <c r="AC344" s="141"/>
      <c r="AD344" s="135"/>
      <c r="AE344" s="135"/>
      <c r="AF344" s="136"/>
    </row>
    <row r="345" spans="1:32" ht="18.75" customHeight="1" x14ac:dyDescent="0.15">
      <c r="A345" s="130"/>
      <c r="B345" s="159"/>
      <c r="C345" s="269"/>
      <c r="D345" s="101"/>
      <c r="E345" s="101"/>
      <c r="F345" s="131"/>
      <c r="G345" s="238"/>
      <c r="H345" s="228" t="s">
        <v>103</v>
      </c>
      <c r="I345" s="143" t="s">
        <v>11</v>
      </c>
      <c r="J345" s="144" t="s">
        <v>25</v>
      </c>
      <c r="K345" s="144"/>
      <c r="L345" s="147" t="s">
        <v>11</v>
      </c>
      <c r="M345" s="144" t="s">
        <v>26</v>
      </c>
      <c r="N345" s="144"/>
      <c r="O345" s="147" t="s">
        <v>11</v>
      </c>
      <c r="P345" s="144" t="s">
        <v>27</v>
      </c>
      <c r="Q345" s="148"/>
      <c r="R345" s="148"/>
      <c r="S345" s="148"/>
      <c r="T345" s="148"/>
      <c r="U345" s="169"/>
      <c r="V345" s="169"/>
      <c r="W345" s="169"/>
      <c r="X345" s="170"/>
      <c r="Y345" s="141"/>
      <c r="Z345" s="135"/>
      <c r="AA345" s="135"/>
      <c r="AB345" s="136"/>
      <c r="AC345" s="141"/>
      <c r="AD345" s="135"/>
      <c r="AE345" s="135"/>
      <c r="AF345" s="136"/>
    </row>
    <row r="346" spans="1:32" ht="18.75" customHeight="1" x14ac:dyDescent="0.15">
      <c r="A346" s="130"/>
      <c r="B346" s="159"/>
      <c r="C346" s="269"/>
      <c r="D346" s="101"/>
      <c r="E346" s="101"/>
      <c r="F346" s="131"/>
      <c r="G346" s="238"/>
      <c r="H346" s="226" t="s">
        <v>85</v>
      </c>
      <c r="I346" s="143" t="s">
        <v>11</v>
      </c>
      <c r="J346" s="144" t="s">
        <v>25</v>
      </c>
      <c r="K346" s="144"/>
      <c r="L346" s="147" t="s">
        <v>11</v>
      </c>
      <c r="M346" s="144" t="s">
        <v>86</v>
      </c>
      <c r="N346" s="144"/>
      <c r="O346" s="147" t="s">
        <v>11</v>
      </c>
      <c r="P346" s="144" t="s">
        <v>87</v>
      </c>
      <c r="Q346" s="200"/>
      <c r="R346" s="147" t="s">
        <v>11</v>
      </c>
      <c r="S346" s="144" t="s">
        <v>88</v>
      </c>
      <c r="T346" s="200"/>
      <c r="U346" s="200"/>
      <c r="V346" s="200"/>
      <c r="W346" s="200"/>
      <c r="X346" s="201"/>
      <c r="Y346" s="141"/>
      <c r="Z346" s="135"/>
      <c r="AA346" s="135"/>
      <c r="AB346" s="136"/>
      <c r="AC346" s="141"/>
      <c r="AD346" s="135"/>
      <c r="AE346" s="135"/>
      <c r="AF346" s="136"/>
    </row>
    <row r="347" spans="1:32" ht="18.75" customHeight="1" x14ac:dyDescent="0.15">
      <c r="A347" s="130"/>
      <c r="B347" s="159"/>
      <c r="C347" s="269"/>
      <c r="D347" s="246"/>
      <c r="E347" s="246"/>
      <c r="F347" s="131"/>
      <c r="G347" s="132"/>
      <c r="H347" s="395" t="s">
        <v>37</v>
      </c>
      <c r="I347" s="164" t="s">
        <v>11</v>
      </c>
      <c r="J347" s="153" t="s">
        <v>25</v>
      </c>
      <c r="K347" s="153"/>
      <c r="L347" s="165"/>
      <c r="M347" s="166"/>
      <c r="N347" s="166"/>
      <c r="O347" s="165"/>
      <c r="P347" s="166"/>
      <c r="Q347" s="167"/>
      <c r="R347" s="165"/>
      <c r="S347" s="166"/>
      <c r="T347" s="167"/>
      <c r="U347" s="168" t="s">
        <v>11</v>
      </c>
      <c r="V347" s="153" t="s">
        <v>38</v>
      </c>
      <c r="W347" s="169"/>
      <c r="X347" s="170"/>
      <c r="Y347" s="244"/>
      <c r="Z347" s="244"/>
      <c r="AA347" s="244"/>
      <c r="AB347" s="136"/>
      <c r="AC347" s="141"/>
      <c r="AD347" s="244"/>
      <c r="AE347" s="244"/>
      <c r="AF347" s="136"/>
    </row>
    <row r="348" spans="1:32" ht="18.75" customHeight="1" x14ac:dyDescent="0.15">
      <c r="A348" s="127"/>
      <c r="B348" s="128"/>
      <c r="C348" s="129"/>
      <c r="D348" s="246"/>
      <c r="E348" s="116"/>
      <c r="F348" s="131"/>
      <c r="G348" s="132"/>
      <c r="H348" s="395"/>
      <c r="I348" s="113" t="s">
        <v>11</v>
      </c>
      <c r="J348" s="243" t="s">
        <v>39</v>
      </c>
      <c r="K348" s="243"/>
      <c r="L348" s="245"/>
      <c r="M348" s="245" t="s">
        <v>11</v>
      </c>
      <c r="N348" s="243" t="s">
        <v>40</v>
      </c>
      <c r="O348" s="245"/>
      <c r="P348" s="245"/>
      <c r="Q348" s="245" t="s">
        <v>11</v>
      </c>
      <c r="R348" s="243" t="s">
        <v>41</v>
      </c>
      <c r="S348" s="246"/>
      <c r="T348" s="243"/>
      <c r="U348" s="245" t="s">
        <v>11</v>
      </c>
      <c r="V348" s="243" t="s">
        <v>42</v>
      </c>
      <c r="W348" s="247"/>
      <c r="X348" s="134"/>
      <c r="Y348" s="244"/>
      <c r="Z348" s="244"/>
      <c r="AA348" s="244"/>
      <c r="AB348" s="136"/>
      <c r="AC348" s="141"/>
      <c r="AD348" s="244"/>
      <c r="AE348" s="244"/>
      <c r="AF348" s="136"/>
    </row>
    <row r="349" spans="1:32" ht="18.75" customHeight="1" x14ac:dyDescent="0.15">
      <c r="A349" s="127"/>
      <c r="B349" s="128"/>
      <c r="C349" s="129"/>
      <c r="D349" s="130"/>
      <c r="E349" s="116"/>
      <c r="F349" s="131"/>
      <c r="G349" s="132"/>
      <c r="H349" s="395"/>
      <c r="I349" s="113" t="s">
        <v>11</v>
      </c>
      <c r="J349" s="243" t="s">
        <v>43</v>
      </c>
      <c r="K349" s="243"/>
      <c r="L349" s="245"/>
      <c r="M349" s="245" t="s">
        <v>11</v>
      </c>
      <c r="N349" s="243" t="s">
        <v>44</v>
      </c>
      <c r="O349" s="245"/>
      <c r="P349" s="245"/>
      <c r="Q349" s="245" t="s">
        <v>11</v>
      </c>
      <c r="R349" s="243" t="s">
        <v>45</v>
      </c>
      <c r="S349" s="246"/>
      <c r="T349" s="243"/>
      <c r="U349" s="245" t="s">
        <v>11</v>
      </c>
      <c r="V349" s="243" t="s">
        <v>46</v>
      </c>
      <c r="W349" s="247"/>
      <c r="X349" s="134"/>
      <c r="Y349" s="244"/>
      <c r="Z349" s="244"/>
      <c r="AA349" s="244"/>
      <c r="AB349" s="136"/>
      <c r="AC349" s="141"/>
      <c r="AD349" s="244"/>
      <c r="AE349" s="244"/>
      <c r="AF349" s="136"/>
    </row>
    <row r="350" spans="1:32" ht="18.75" customHeight="1" x14ac:dyDescent="0.15">
      <c r="A350" s="127"/>
      <c r="B350" s="128"/>
      <c r="C350" s="129"/>
      <c r="D350" s="130"/>
      <c r="E350" s="116"/>
      <c r="F350" s="131"/>
      <c r="G350" s="132"/>
      <c r="H350" s="395"/>
      <c r="I350" s="113" t="s">
        <v>11</v>
      </c>
      <c r="J350" s="243" t="s">
        <v>47</v>
      </c>
      <c r="K350" s="243"/>
      <c r="L350" s="245"/>
      <c r="M350" s="245" t="s">
        <v>11</v>
      </c>
      <c r="N350" s="243" t="s">
        <v>48</v>
      </c>
      <c r="O350" s="245"/>
      <c r="P350" s="245"/>
      <c r="Q350" s="245" t="s">
        <v>11</v>
      </c>
      <c r="R350" s="243" t="s">
        <v>49</v>
      </c>
      <c r="S350" s="246"/>
      <c r="T350" s="243"/>
      <c r="U350" s="245" t="s">
        <v>11</v>
      </c>
      <c r="V350" s="243" t="s">
        <v>50</v>
      </c>
      <c r="W350" s="247"/>
      <c r="X350" s="134"/>
      <c r="Y350" s="244"/>
      <c r="Z350" s="244"/>
      <c r="AA350" s="244"/>
      <c r="AB350" s="136"/>
      <c r="AC350" s="141"/>
      <c r="AD350" s="244"/>
      <c r="AE350" s="244"/>
      <c r="AF350" s="136"/>
    </row>
    <row r="351" spans="1:32" ht="18.75" customHeight="1" x14ac:dyDescent="0.15">
      <c r="A351" s="127"/>
      <c r="B351" s="128"/>
      <c r="C351" s="129"/>
      <c r="D351" s="130"/>
      <c r="E351" s="116"/>
      <c r="F351" s="131"/>
      <c r="G351" s="132"/>
      <c r="H351" s="395"/>
      <c r="I351" s="113" t="s">
        <v>11</v>
      </c>
      <c r="J351" s="243" t="s">
        <v>51</v>
      </c>
      <c r="K351" s="243"/>
      <c r="L351" s="245"/>
      <c r="M351" s="245" t="s">
        <v>11</v>
      </c>
      <c r="N351" s="243" t="s">
        <v>52</v>
      </c>
      <c r="O351" s="245"/>
      <c r="P351" s="245"/>
      <c r="Q351" s="245" t="s">
        <v>11</v>
      </c>
      <c r="R351" s="243" t="s">
        <v>53</v>
      </c>
      <c r="S351" s="246"/>
      <c r="T351" s="243"/>
      <c r="U351" s="245" t="s">
        <v>11</v>
      </c>
      <c r="V351" s="243" t="s">
        <v>54</v>
      </c>
      <c r="W351" s="247"/>
      <c r="X351" s="134"/>
      <c r="Y351" s="244"/>
      <c r="Z351" s="244"/>
      <c r="AA351" s="244"/>
      <c r="AB351" s="136"/>
      <c r="AC351" s="141"/>
      <c r="AD351" s="244"/>
      <c r="AE351" s="244"/>
      <c r="AF351" s="136"/>
    </row>
    <row r="352" spans="1:32" ht="18.75" customHeight="1" x14ac:dyDescent="0.15">
      <c r="A352" s="171"/>
      <c r="B352" s="172"/>
      <c r="C352" s="173"/>
      <c r="D352" s="174"/>
      <c r="E352" s="175"/>
      <c r="F352" s="176"/>
      <c r="G352" s="177"/>
      <c r="H352" s="459"/>
      <c r="I352" s="178" t="s">
        <v>11</v>
      </c>
      <c r="J352" s="179" t="s">
        <v>55</v>
      </c>
      <c r="K352" s="179"/>
      <c r="L352" s="180"/>
      <c r="M352" s="180"/>
      <c r="N352" s="179"/>
      <c r="O352" s="180"/>
      <c r="P352" s="180"/>
      <c r="Q352" s="180"/>
      <c r="R352" s="179"/>
      <c r="S352" s="181"/>
      <c r="T352" s="179"/>
      <c r="U352" s="180"/>
      <c r="V352" s="179"/>
      <c r="W352" s="182"/>
      <c r="X352" s="183"/>
      <c r="Y352" s="184"/>
      <c r="Z352" s="184"/>
      <c r="AA352" s="184"/>
      <c r="AB352" s="185"/>
      <c r="AC352" s="186"/>
      <c r="AD352" s="184"/>
      <c r="AE352" s="184"/>
      <c r="AF352" s="185"/>
    </row>
    <row r="353" spans="1:32" ht="18.75" customHeight="1" x14ac:dyDescent="0.15">
      <c r="A353" s="117"/>
      <c r="B353" s="118"/>
      <c r="C353" s="216"/>
      <c r="D353" s="121"/>
      <c r="E353" s="112"/>
      <c r="F353" s="121"/>
      <c r="G353" s="125"/>
      <c r="H353" s="317" t="s">
        <v>89</v>
      </c>
      <c r="I353" s="187" t="s">
        <v>11</v>
      </c>
      <c r="J353" s="188" t="s">
        <v>25</v>
      </c>
      <c r="K353" s="188"/>
      <c r="L353" s="190"/>
      <c r="M353" s="191" t="s">
        <v>11</v>
      </c>
      <c r="N353" s="188" t="s">
        <v>67</v>
      </c>
      <c r="O353" s="188"/>
      <c r="P353" s="190"/>
      <c r="Q353" s="191" t="s">
        <v>11</v>
      </c>
      <c r="R353" s="217" t="s">
        <v>68</v>
      </c>
      <c r="S353" s="217"/>
      <c r="T353" s="217"/>
      <c r="U353" s="217"/>
      <c r="V353" s="217"/>
      <c r="W353" s="217"/>
      <c r="X353" s="218"/>
      <c r="Y353" s="194" t="s">
        <v>11</v>
      </c>
      <c r="Z353" s="110" t="s">
        <v>20</v>
      </c>
      <c r="AA353" s="110"/>
      <c r="AB353" s="126"/>
      <c r="AC353" s="194" t="s">
        <v>11</v>
      </c>
      <c r="AD353" s="110" t="s">
        <v>20</v>
      </c>
      <c r="AE353" s="110"/>
      <c r="AF353" s="126"/>
    </row>
    <row r="354" spans="1:32" ht="19.5" customHeight="1" x14ac:dyDescent="0.15">
      <c r="A354" s="127"/>
      <c r="B354" s="128"/>
      <c r="C354" s="219"/>
      <c r="D354" s="130"/>
      <c r="E354" s="116"/>
      <c r="F354" s="131"/>
      <c r="G354" s="132"/>
      <c r="H354" s="142" t="s">
        <v>22</v>
      </c>
      <c r="I354" s="143" t="s">
        <v>11</v>
      </c>
      <c r="J354" s="144" t="s">
        <v>23</v>
      </c>
      <c r="K354" s="145"/>
      <c r="L354" s="146"/>
      <c r="M354" s="147" t="s">
        <v>11</v>
      </c>
      <c r="N354" s="144" t="s">
        <v>24</v>
      </c>
      <c r="O354" s="147"/>
      <c r="P354" s="144"/>
      <c r="Q354" s="148"/>
      <c r="R354" s="148"/>
      <c r="S354" s="148"/>
      <c r="T354" s="148"/>
      <c r="U354" s="148"/>
      <c r="V354" s="148"/>
      <c r="W354" s="148"/>
      <c r="X354" s="149"/>
      <c r="Y354" s="113" t="s">
        <v>11</v>
      </c>
      <c r="Z354" s="243" t="s">
        <v>21</v>
      </c>
      <c r="AA354" s="244"/>
      <c r="AB354" s="136"/>
      <c r="AC354" s="113" t="s">
        <v>11</v>
      </c>
      <c r="AD354" s="243" t="s">
        <v>21</v>
      </c>
      <c r="AE354" s="244"/>
      <c r="AF354" s="136"/>
    </row>
    <row r="355" spans="1:32" ht="19.5" customHeight="1" x14ac:dyDescent="0.15">
      <c r="A355" s="130"/>
      <c r="B355" s="277"/>
      <c r="C355" s="269"/>
      <c r="D355" s="246"/>
      <c r="E355" s="246"/>
      <c r="F355" s="131"/>
      <c r="G355" s="132"/>
      <c r="H355" s="142" t="s">
        <v>69</v>
      </c>
      <c r="I355" s="143" t="s">
        <v>11</v>
      </c>
      <c r="J355" s="144" t="s">
        <v>23</v>
      </c>
      <c r="K355" s="145"/>
      <c r="L355" s="146"/>
      <c r="M355" s="147" t="s">
        <v>11</v>
      </c>
      <c r="N355" s="144" t="s">
        <v>24</v>
      </c>
      <c r="O355" s="147"/>
      <c r="P355" s="144"/>
      <c r="Q355" s="148"/>
      <c r="R355" s="148"/>
      <c r="S355" s="148"/>
      <c r="T355" s="148"/>
      <c r="U355" s="148"/>
      <c r="V355" s="148"/>
      <c r="W355" s="148"/>
      <c r="X355" s="149"/>
      <c r="Y355" s="113"/>
      <c r="Z355" s="243"/>
      <c r="AA355" s="244"/>
      <c r="AB355" s="136"/>
      <c r="AC355" s="113"/>
      <c r="AD355" s="243"/>
      <c r="AE355" s="244"/>
      <c r="AF355" s="136"/>
    </row>
    <row r="356" spans="1:32" ht="18.75" customHeight="1" x14ac:dyDescent="0.15">
      <c r="A356" s="130"/>
      <c r="B356" s="277"/>
      <c r="C356" s="269"/>
      <c r="D356" s="101"/>
      <c r="E356" s="101"/>
      <c r="F356" s="131"/>
      <c r="G356" s="238"/>
      <c r="H356" s="395" t="s">
        <v>232</v>
      </c>
      <c r="I356" s="397" t="s">
        <v>11</v>
      </c>
      <c r="J356" s="421" t="s">
        <v>31</v>
      </c>
      <c r="K356" s="421"/>
      <c r="L356" s="421"/>
      <c r="M356" s="397" t="s">
        <v>11</v>
      </c>
      <c r="N356" s="421" t="s">
        <v>32</v>
      </c>
      <c r="O356" s="421"/>
      <c r="P356" s="421"/>
      <c r="Q356" s="162"/>
      <c r="R356" s="162"/>
      <c r="S356" s="162"/>
      <c r="T356" s="162"/>
      <c r="U356" s="162"/>
      <c r="V356" s="162"/>
      <c r="W356" s="162"/>
      <c r="X356" s="163"/>
      <c r="Y356" s="141"/>
      <c r="Z356" s="135"/>
      <c r="AA356" s="135"/>
      <c r="AB356" s="136"/>
      <c r="AC356" s="141"/>
      <c r="AD356" s="135"/>
      <c r="AE356" s="135"/>
      <c r="AF356" s="136"/>
    </row>
    <row r="357" spans="1:32" ht="18.75" customHeight="1" x14ac:dyDescent="0.15">
      <c r="A357" s="220" t="s">
        <v>11</v>
      </c>
      <c r="B357" s="128">
        <v>69</v>
      </c>
      <c r="C357" s="219" t="s">
        <v>365</v>
      </c>
      <c r="D357" s="109" t="s">
        <v>11</v>
      </c>
      <c r="E357" s="116" t="s">
        <v>362</v>
      </c>
      <c r="F357" s="131"/>
      <c r="G357" s="238"/>
      <c r="H357" s="395"/>
      <c r="I357" s="397"/>
      <c r="J357" s="421"/>
      <c r="K357" s="421"/>
      <c r="L357" s="421"/>
      <c r="M357" s="397"/>
      <c r="N357" s="421"/>
      <c r="O357" s="421"/>
      <c r="P357" s="421"/>
      <c r="Q357" s="139"/>
      <c r="R357" s="139"/>
      <c r="S357" s="139"/>
      <c r="T357" s="139"/>
      <c r="U357" s="139"/>
      <c r="V357" s="139"/>
      <c r="W357" s="139"/>
      <c r="X357" s="140"/>
      <c r="Y357" s="141"/>
      <c r="Z357" s="135"/>
      <c r="AA357" s="135"/>
      <c r="AB357" s="136"/>
      <c r="AC357" s="141"/>
      <c r="AD357" s="135"/>
      <c r="AE357" s="135"/>
      <c r="AF357" s="136"/>
    </row>
    <row r="358" spans="1:32" ht="18.75" customHeight="1" x14ac:dyDescent="0.15">
      <c r="A358" s="130"/>
      <c r="B358" s="277"/>
      <c r="C358" s="219" t="s">
        <v>363</v>
      </c>
      <c r="D358" s="113" t="s">
        <v>11</v>
      </c>
      <c r="E358" s="116" t="s">
        <v>364</v>
      </c>
      <c r="F358" s="131"/>
      <c r="G358" s="238"/>
      <c r="H358" s="228" t="s">
        <v>103</v>
      </c>
      <c r="I358" s="143" t="s">
        <v>11</v>
      </c>
      <c r="J358" s="144" t="s">
        <v>25</v>
      </c>
      <c r="K358" s="144"/>
      <c r="L358" s="147" t="s">
        <v>11</v>
      </c>
      <c r="M358" s="144" t="s">
        <v>26</v>
      </c>
      <c r="N358" s="144"/>
      <c r="O358" s="147" t="s">
        <v>11</v>
      </c>
      <c r="P358" s="144" t="s">
        <v>27</v>
      </c>
      <c r="Q358" s="148"/>
      <c r="R358" s="148"/>
      <c r="S358" s="148"/>
      <c r="T358" s="148"/>
      <c r="U358" s="169"/>
      <c r="V358" s="169"/>
      <c r="W358" s="169"/>
      <c r="X358" s="170"/>
      <c r="Y358" s="141"/>
      <c r="Z358" s="135"/>
      <c r="AA358" s="135"/>
      <c r="AB358" s="136"/>
      <c r="AC358" s="141"/>
      <c r="AD358" s="135"/>
      <c r="AE358" s="135"/>
      <c r="AF358" s="136"/>
    </row>
    <row r="359" spans="1:32" ht="18.75" customHeight="1" x14ac:dyDescent="0.15">
      <c r="A359" s="220"/>
      <c r="B359" s="128"/>
      <c r="C359" s="219" t="s">
        <v>318</v>
      </c>
      <c r="D359" s="113"/>
      <c r="E359" s="116" t="s">
        <v>316</v>
      </c>
      <c r="F359" s="131"/>
      <c r="G359" s="238"/>
      <c r="H359" s="226" t="s">
        <v>85</v>
      </c>
      <c r="I359" s="143" t="s">
        <v>11</v>
      </c>
      <c r="J359" s="144" t="s">
        <v>25</v>
      </c>
      <c r="K359" s="144"/>
      <c r="L359" s="147" t="s">
        <v>11</v>
      </c>
      <c r="M359" s="144" t="s">
        <v>86</v>
      </c>
      <c r="N359" s="144"/>
      <c r="O359" s="147" t="s">
        <v>11</v>
      </c>
      <c r="P359" s="144" t="s">
        <v>87</v>
      </c>
      <c r="Q359" s="200"/>
      <c r="R359" s="147" t="s">
        <v>11</v>
      </c>
      <c r="S359" s="144" t="s">
        <v>88</v>
      </c>
      <c r="T359" s="200"/>
      <c r="U359" s="200"/>
      <c r="V359" s="200"/>
      <c r="W359" s="200"/>
      <c r="X359" s="201"/>
      <c r="Y359" s="141"/>
      <c r="Z359" s="135"/>
      <c r="AA359" s="135"/>
      <c r="AB359" s="136"/>
      <c r="AC359" s="141"/>
      <c r="AD359" s="135"/>
      <c r="AE359" s="135"/>
      <c r="AF359" s="136"/>
    </row>
    <row r="360" spans="1:32" ht="18.75" customHeight="1" x14ac:dyDescent="0.15">
      <c r="A360" s="130"/>
      <c r="B360" s="277"/>
      <c r="C360" s="269"/>
      <c r="D360" s="101"/>
      <c r="E360" s="101"/>
      <c r="F360" s="131"/>
      <c r="G360" s="132"/>
      <c r="H360" s="395" t="s">
        <v>37</v>
      </c>
      <c r="I360" s="164" t="s">
        <v>11</v>
      </c>
      <c r="J360" s="153" t="s">
        <v>25</v>
      </c>
      <c r="K360" s="153"/>
      <c r="L360" s="165"/>
      <c r="M360" s="166"/>
      <c r="N360" s="166"/>
      <c r="O360" s="165"/>
      <c r="P360" s="166"/>
      <c r="Q360" s="167"/>
      <c r="R360" s="165"/>
      <c r="S360" s="166"/>
      <c r="T360" s="167"/>
      <c r="U360" s="168" t="s">
        <v>11</v>
      </c>
      <c r="V360" s="153" t="s">
        <v>38</v>
      </c>
      <c r="W360" s="169"/>
      <c r="X360" s="170"/>
      <c r="Y360" s="135"/>
      <c r="Z360" s="135"/>
      <c r="AA360" s="135"/>
      <c r="AB360" s="136"/>
      <c r="AC360" s="141"/>
      <c r="AD360" s="135"/>
      <c r="AE360" s="135"/>
      <c r="AF360" s="136"/>
    </row>
    <row r="361" spans="1:32" ht="18.75" customHeight="1" x14ac:dyDescent="0.15">
      <c r="A361" s="130"/>
      <c r="B361" s="277"/>
      <c r="C361" s="269"/>
      <c r="D361" s="101"/>
      <c r="E361" s="101"/>
      <c r="F361" s="131"/>
      <c r="G361" s="132"/>
      <c r="H361" s="395"/>
      <c r="I361" s="113" t="s">
        <v>11</v>
      </c>
      <c r="J361" s="114" t="s">
        <v>39</v>
      </c>
      <c r="K361" s="114"/>
      <c r="L361" s="109"/>
      <c r="M361" s="109" t="s">
        <v>11</v>
      </c>
      <c r="N361" s="114" t="s">
        <v>40</v>
      </c>
      <c r="O361" s="109"/>
      <c r="P361" s="109"/>
      <c r="Q361" s="109" t="s">
        <v>11</v>
      </c>
      <c r="R361" s="114" t="s">
        <v>41</v>
      </c>
      <c r="S361" s="101"/>
      <c r="T361" s="114"/>
      <c r="U361" s="109" t="s">
        <v>11</v>
      </c>
      <c r="V361" s="114" t="s">
        <v>42</v>
      </c>
      <c r="W361" s="133"/>
      <c r="X361" s="134"/>
      <c r="Y361" s="135"/>
      <c r="Z361" s="135"/>
      <c r="AA361" s="135"/>
      <c r="AB361" s="136"/>
      <c r="AC361" s="141"/>
      <c r="AD361" s="135"/>
      <c r="AE361" s="135"/>
      <c r="AF361" s="136"/>
    </row>
    <row r="362" spans="1:32" ht="18.75" customHeight="1" x14ac:dyDescent="0.15">
      <c r="A362" s="130"/>
      <c r="B362" s="277"/>
      <c r="C362" s="269"/>
      <c r="D362" s="101"/>
      <c r="E362" s="101"/>
      <c r="F362" s="131"/>
      <c r="G362" s="132"/>
      <c r="H362" s="395"/>
      <c r="I362" s="113" t="s">
        <v>11</v>
      </c>
      <c r="J362" s="114" t="s">
        <v>43</v>
      </c>
      <c r="K362" s="114"/>
      <c r="L362" s="109"/>
      <c r="M362" s="109" t="s">
        <v>11</v>
      </c>
      <c r="N362" s="114" t="s">
        <v>44</v>
      </c>
      <c r="O362" s="109"/>
      <c r="P362" s="109"/>
      <c r="Q362" s="109" t="s">
        <v>11</v>
      </c>
      <c r="R362" s="114" t="s">
        <v>45</v>
      </c>
      <c r="S362" s="101"/>
      <c r="T362" s="114"/>
      <c r="U362" s="109" t="s">
        <v>11</v>
      </c>
      <c r="V362" s="114" t="s">
        <v>46</v>
      </c>
      <c r="W362" s="133"/>
      <c r="X362" s="134"/>
      <c r="Y362" s="135"/>
      <c r="Z362" s="135"/>
      <c r="AA362" s="135"/>
      <c r="AB362" s="136"/>
      <c r="AC362" s="141"/>
      <c r="AD362" s="135"/>
      <c r="AE362" s="135"/>
      <c r="AF362" s="136"/>
    </row>
    <row r="363" spans="1:32" ht="18.75" customHeight="1" x14ac:dyDescent="0.15">
      <c r="A363" s="127"/>
      <c r="B363" s="128"/>
      <c r="C363" s="129"/>
      <c r="D363" s="101"/>
      <c r="E363" s="116"/>
      <c r="F363" s="131"/>
      <c r="G363" s="132"/>
      <c r="H363" s="395"/>
      <c r="I363" s="113" t="s">
        <v>11</v>
      </c>
      <c r="J363" s="114" t="s">
        <v>47</v>
      </c>
      <c r="K363" s="114"/>
      <c r="L363" s="109"/>
      <c r="M363" s="109" t="s">
        <v>11</v>
      </c>
      <c r="N363" s="114" t="s">
        <v>48</v>
      </c>
      <c r="O363" s="109"/>
      <c r="P363" s="109"/>
      <c r="Q363" s="109" t="s">
        <v>11</v>
      </c>
      <c r="R363" s="114" t="s">
        <v>49</v>
      </c>
      <c r="S363" s="101"/>
      <c r="T363" s="114"/>
      <c r="U363" s="109" t="s">
        <v>11</v>
      </c>
      <c r="V363" s="114" t="s">
        <v>50</v>
      </c>
      <c r="W363" s="133"/>
      <c r="X363" s="134"/>
      <c r="Y363" s="135"/>
      <c r="Z363" s="135"/>
      <c r="AA363" s="135"/>
      <c r="AB363" s="136"/>
      <c r="AC363" s="141"/>
      <c r="AD363" s="135"/>
      <c r="AE363" s="135"/>
      <c r="AF363" s="136"/>
    </row>
    <row r="364" spans="1:32" ht="18.75" customHeight="1" x14ac:dyDescent="0.15">
      <c r="A364" s="127"/>
      <c r="B364" s="128"/>
      <c r="C364" s="129"/>
      <c r="D364" s="101"/>
      <c r="E364" s="116"/>
      <c r="F364" s="131"/>
      <c r="G364" s="132"/>
      <c r="H364" s="395"/>
      <c r="I364" s="113" t="s">
        <v>11</v>
      </c>
      <c r="J364" s="114" t="s">
        <v>51</v>
      </c>
      <c r="K364" s="114"/>
      <c r="L364" s="109"/>
      <c r="M364" s="109" t="s">
        <v>11</v>
      </c>
      <c r="N364" s="114" t="s">
        <v>52</v>
      </c>
      <c r="O364" s="109"/>
      <c r="P364" s="109"/>
      <c r="Q364" s="109" t="s">
        <v>11</v>
      </c>
      <c r="R364" s="114" t="s">
        <v>53</v>
      </c>
      <c r="S364" s="101"/>
      <c r="T364" s="114"/>
      <c r="U364" s="109" t="s">
        <v>11</v>
      </c>
      <c r="V364" s="114" t="s">
        <v>54</v>
      </c>
      <c r="W364" s="133"/>
      <c r="X364" s="134"/>
      <c r="Y364" s="135"/>
      <c r="Z364" s="135"/>
      <c r="AA364" s="135"/>
      <c r="AB364" s="136"/>
      <c r="AC364" s="141"/>
      <c r="AD364" s="135"/>
      <c r="AE364" s="135"/>
      <c r="AF364" s="136"/>
    </row>
    <row r="365" spans="1:32" ht="18.75" customHeight="1" x14ac:dyDescent="0.15">
      <c r="A365" s="171"/>
      <c r="B365" s="250"/>
      <c r="C365" s="173"/>
      <c r="D365" s="174"/>
      <c r="E365" s="175"/>
      <c r="F365" s="176"/>
      <c r="G365" s="177"/>
      <c r="H365" s="395"/>
      <c r="I365" s="178" t="s">
        <v>11</v>
      </c>
      <c r="J365" s="179" t="s">
        <v>55</v>
      </c>
      <c r="K365" s="179"/>
      <c r="L365" s="180"/>
      <c r="M365" s="180"/>
      <c r="N365" s="179"/>
      <c r="O365" s="180"/>
      <c r="P365" s="180"/>
      <c r="Q365" s="109"/>
      <c r="R365" s="179"/>
      <c r="S365" s="181"/>
      <c r="T365" s="179"/>
      <c r="U365" s="180"/>
      <c r="V365" s="114"/>
      <c r="W365" s="182"/>
      <c r="X365" s="183"/>
      <c r="Y365" s="186"/>
      <c r="Z365" s="135"/>
      <c r="AA365" s="184"/>
      <c r="AB365" s="185"/>
      <c r="AC365" s="186"/>
      <c r="AD365" s="184"/>
      <c r="AE365" s="184"/>
      <c r="AF365" s="185"/>
    </row>
    <row r="366" spans="1:32" ht="18.75" customHeight="1" x14ac:dyDescent="0.15">
      <c r="A366" s="127"/>
      <c r="B366" s="128"/>
      <c r="C366" s="219"/>
      <c r="D366" s="131"/>
      <c r="E366" s="116"/>
      <c r="F366" s="131"/>
      <c r="G366" s="238"/>
      <c r="H366" s="317" t="s">
        <v>104</v>
      </c>
      <c r="I366" s="187" t="s">
        <v>11</v>
      </c>
      <c r="J366" s="188" t="s">
        <v>93</v>
      </c>
      <c r="K366" s="189"/>
      <c r="L366" s="190"/>
      <c r="M366" s="191" t="s">
        <v>11</v>
      </c>
      <c r="N366" s="188" t="s">
        <v>94</v>
      </c>
      <c r="O366" s="192"/>
      <c r="P366" s="192"/>
      <c r="Q366" s="192"/>
      <c r="R366" s="192"/>
      <c r="S366" s="192"/>
      <c r="T366" s="192"/>
      <c r="U366" s="192"/>
      <c r="V366" s="192"/>
      <c r="W366" s="192"/>
      <c r="X366" s="193"/>
      <c r="Y366" s="194" t="s">
        <v>11</v>
      </c>
      <c r="Z366" s="110" t="s">
        <v>20</v>
      </c>
      <c r="AA366" s="110"/>
      <c r="AB366" s="126"/>
      <c r="AC366" s="194" t="s">
        <v>11</v>
      </c>
      <c r="AD366" s="110" t="s">
        <v>20</v>
      </c>
      <c r="AE366" s="110"/>
      <c r="AF366" s="126"/>
    </row>
    <row r="367" spans="1:32" ht="18.75" customHeight="1" x14ac:dyDescent="0.15">
      <c r="A367" s="127"/>
      <c r="B367" s="128"/>
      <c r="C367" s="219"/>
      <c r="D367" s="131"/>
      <c r="E367" s="116"/>
      <c r="F367" s="131"/>
      <c r="G367" s="238"/>
      <c r="H367" s="226" t="s">
        <v>66</v>
      </c>
      <c r="I367" s="143" t="s">
        <v>11</v>
      </c>
      <c r="J367" s="144" t="s">
        <v>25</v>
      </c>
      <c r="K367" s="144"/>
      <c r="L367" s="146"/>
      <c r="M367" s="147" t="s">
        <v>11</v>
      </c>
      <c r="N367" s="144" t="s">
        <v>319</v>
      </c>
      <c r="O367" s="144"/>
      <c r="P367" s="146"/>
      <c r="Q367" s="145"/>
      <c r="R367" s="145"/>
      <c r="S367" s="145"/>
      <c r="T367" s="145"/>
      <c r="U367" s="145"/>
      <c r="V367" s="145"/>
      <c r="W367" s="145"/>
      <c r="X367" s="152"/>
      <c r="Y367" s="113" t="s">
        <v>11</v>
      </c>
      <c r="Z367" s="114" t="s">
        <v>21</v>
      </c>
      <c r="AA367" s="135"/>
      <c r="AB367" s="136"/>
      <c r="AC367" s="113" t="s">
        <v>11</v>
      </c>
      <c r="AD367" s="114" t="s">
        <v>21</v>
      </c>
      <c r="AE367" s="135"/>
      <c r="AF367" s="136"/>
    </row>
    <row r="368" spans="1:32" ht="18.75" customHeight="1" x14ac:dyDescent="0.15">
      <c r="A368" s="127"/>
      <c r="B368" s="128"/>
      <c r="C368" s="219"/>
      <c r="D368" s="131"/>
      <c r="E368" s="116"/>
      <c r="F368" s="131"/>
      <c r="G368" s="238"/>
      <c r="H368" s="197" t="s">
        <v>108</v>
      </c>
      <c r="I368" s="143" t="s">
        <v>11</v>
      </c>
      <c r="J368" s="144" t="s">
        <v>23</v>
      </c>
      <c r="K368" s="145"/>
      <c r="L368" s="146"/>
      <c r="M368" s="147" t="s">
        <v>11</v>
      </c>
      <c r="N368" s="144" t="s">
        <v>109</v>
      </c>
      <c r="O368" s="148"/>
      <c r="P368" s="148"/>
      <c r="Q368" s="145"/>
      <c r="R368" s="145"/>
      <c r="S368" s="145"/>
      <c r="T368" s="145"/>
      <c r="U368" s="145"/>
      <c r="V368" s="145"/>
      <c r="W368" s="145"/>
      <c r="X368" s="152"/>
      <c r="Y368" s="141"/>
      <c r="Z368" s="135"/>
      <c r="AA368" s="135"/>
      <c r="AB368" s="136"/>
      <c r="AC368" s="141"/>
      <c r="AD368" s="135"/>
      <c r="AE368" s="135"/>
      <c r="AF368" s="136"/>
    </row>
    <row r="369" spans="1:32" ht="19.5" customHeight="1" x14ac:dyDescent="0.15">
      <c r="A369" s="127"/>
      <c r="B369" s="128"/>
      <c r="C369" s="129"/>
      <c r="D369" s="130"/>
      <c r="E369" s="116"/>
      <c r="F369" s="131"/>
      <c r="G369" s="132"/>
      <c r="H369" s="142" t="s">
        <v>22</v>
      </c>
      <c r="I369" s="143" t="s">
        <v>11</v>
      </c>
      <c r="J369" s="144" t="s">
        <v>23</v>
      </c>
      <c r="K369" s="145"/>
      <c r="L369" s="146"/>
      <c r="M369" s="147" t="s">
        <v>11</v>
      </c>
      <c r="N369" s="144" t="s">
        <v>24</v>
      </c>
      <c r="O369" s="147"/>
      <c r="P369" s="144"/>
      <c r="Q369" s="148"/>
      <c r="R369" s="148"/>
      <c r="S369" s="148"/>
      <c r="T369" s="148"/>
      <c r="U369" s="148"/>
      <c r="V369" s="148"/>
      <c r="W369" s="148"/>
      <c r="X369" s="149"/>
      <c r="Y369" s="135"/>
      <c r="Z369" s="135"/>
      <c r="AA369" s="135"/>
      <c r="AB369" s="136"/>
      <c r="AC369" s="141"/>
      <c r="AD369" s="135"/>
      <c r="AE369" s="135"/>
      <c r="AF369" s="136"/>
    </row>
    <row r="370" spans="1:32" ht="19.5" customHeight="1" x14ac:dyDescent="0.15">
      <c r="A370" s="127"/>
      <c r="B370" s="128"/>
      <c r="C370" s="129"/>
      <c r="D370" s="130"/>
      <c r="E370" s="116"/>
      <c r="F370" s="131"/>
      <c r="G370" s="132"/>
      <c r="H370" s="142" t="s">
        <v>69</v>
      </c>
      <c r="I370" s="143" t="s">
        <v>11</v>
      </c>
      <c r="J370" s="144" t="s">
        <v>23</v>
      </c>
      <c r="K370" s="145"/>
      <c r="L370" s="146"/>
      <c r="M370" s="147" t="s">
        <v>11</v>
      </c>
      <c r="N370" s="144" t="s">
        <v>24</v>
      </c>
      <c r="O370" s="147"/>
      <c r="P370" s="144"/>
      <c r="Q370" s="148"/>
      <c r="R370" s="148"/>
      <c r="S370" s="148"/>
      <c r="T370" s="148"/>
      <c r="U370" s="148"/>
      <c r="V370" s="148"/>
      <c r="W370" s="148"/>
      <c r="X370" s="149"/>
      <c r="Y370" s="135"/>
      <c r="Z370" s="135"/>
      <c r="AA370" s="135"/>
      <c r="AB370" s="136"/>
      <c r="AC370" s="141"/>
      <c r="AD370" s="135"/>
      <c r="AE370" s="135"/>
      <c r="AF370" s="136"/>
    </row>
    <row r="371" spans="1:32" ht="18.75" customHeight="1" x14ac:dyDescent="0.15">
      <c r="A371" s="127"/>
      <c r="B371" s="128"/>
      <c r="C371" s="219"/>
      <c r="D371" s="131"/>
      <c r="E371" s="116"/>
      <c r="F371" s="131"/>
      <c r="G371" s="238"/>
      <c r="H371" s="470" t="s">
        <v>320</v>
      </c>
      <c r="I371" s="397" t="s">
        <v>11</v>
      </c>
      <c r="J371" s="421" t="s">
        <v>25</v>
      </c>
      <c r="K371" s="421"/>
      <c r="L371" s="397" t="s">
        <v>11</v>
      </c>
      <c r="M371" s="421" t="s">
        <v>29</v>
      </c>
      <c r="N371" s="421"/>
      <c r="O371" s="153"/>
      <c r="P371" s="153"/>
      <c r="Q371" s="153"/>
      <c r="R371" s="153"/>
      <c r="S371" s="153"/>
      <c r="T371" s="153"/>
      <c r="U371" s="153"/>
      <c r="V371" s="153"/>
      <c r="W371" s="153"/>
      <c r="X371" s="157"/>
      <c r="Y371" s="141"/>
      <c r="Z371" s="135"/>
      <c r="AA371" s="135"/>
      <c r="AB371" s="136"/>
      <c r="AC371" s="141"/>
      <c r="AD371" s="135"/>
      <c r="AE371" s="135"/>
      <c r="AF371" s="136"/>
    </row>
    <row r="372" spans="1:32" ht="18.75" customHeight="1" x14ac:dyDescent="0.15">
      <c r="A372" s="127"/>
      <c r="B372" s="128"/>
      <c r="C372" s="219"/>
      <c r="D372" s="131"/>
      <c r="E372" s="116"/>
      <c r="F372" s="131"/>
      <c r="G372" s="238"/>
      <c r="H372" s="470"/>
      <c r="I372" s="397"/>
      <c r="J372" s="421"/>
      <c r="K372" s="421"/>
      <c r="L372" s="397"/>
      <c r="M372" s="421"/>
      <c r="N372" s="421"/>
      <c r="O372" s="155"/>
      <c r="P372" s="155"/>
      <c r="Q372" s="155"/>
      <c r="R372" s="155"/>
      <c r="S372" s="155"/>
      <c r="T372" s="155"/>
      <c r="U372" s="155"/>
      <c r="V372" s="155"/>
      <c r="W372" s="155"/>
      <c r="X372" s="156"/>
      <c r="Y372" s="141"/>
      <c r="Z372" s="135"/>
      <c r="AA372" s="135"/>
      <c r="AB372" s="136"/>
      <c r="AC372" s="141"/>
      <c r="AD372" s="135"/>
      <c r="AE372" s="135"/>
      <c r="AF372" s="136"/>
    </row>
    <row r="373" spans="1:32" ht="18.75" customHeight="1" x14ac:dyDescent="0.15">
      <c r="A373" s="127"/>
      <c r="B373" s="128"/>
      <c r="C373" s="219"/>
      <c r="D373" s="131"/>
      <c r="E373" s="116"/>
      <c r="F373" s="131"/>
      <c r="G373" s="238"/>
      <c r="H373" s="226" t="s">
        <v>321</v>
      </c>
      <c r="I373" s="164" t="s">
        <v>11</v>
      </c>
      <c r="J373" s="144" t="s">
        <v>25</v>
      </c>
      <c r="K373" s="144"/>
      <c r="L373" s="147" t="s">
        <v>11</v>
      </c>
      <c r="M373" s="144" t="s">
        <v>26</v>
      </c>
      <c r="N373" s="144"/>
      <c r="O373" s="168" t="s">
        <v>11</v>
      </c>
      <c r="P373" s="144" t="s">
        <v>27</v>
      </c>
      <c r="Q373" s="200"/>
      <c r="R373" s="200"/>
      <c r="S373" s="200"/>
      <c r="T373" s="200"/>
      <c r="U373" s="200"/>
      <c r="V373" s="200"/>
      <c r="W373" s="200"/>
      <c r="X373" s="201"/>
      <c r="Y373" s="141"/>
      <c r="Z373" s="135"/>
      <c r="AA373" s="135"/>
      <c r="AB373" s="136"/>
      <c r="AC373" s="141"/>
      <c r="AD373" s="135"/>
      <c r="AE373" s="135"/>
      <c r="AF373" s="136"/>
    </row>
    <row r="374" spans="1:32" ht="18.75" customHeight="1" x14ac:dyDescent="0.15">
      <c r="A374" s="127"/>
      <c r="B374" s="128"/>
      <c r="C374" s="219"/>
      <c r="D374" s="131"/>
      <c r="E374" s="116"/>
      <c r="F374" s="131"/>
      <c r="G374" s="238"/>
      <c r="H374" s="226" t="s">
        <v>234</v>
      </c>
      <c r="I374" s="143" t="s">
        <v>11</v>
      </c>
      <c r="J374" s="144" t="s">
        <v>25</v>
      </c>
      <c r="K374" s="145"/>
      <c r="L374" s="147" t="s">
        <v>11</v>
      </c>
      <c r="M374" s="144" t="s">
        <v>29</v>
      </c>
      <c r="N374" s="200"/>
      <c r="O374" s="200"/>
      <c r="P374" s="200"/>
      <c r="Q374" s="200"/>
      <c r="R374" s="200"/>
      <c r="S374" s="200"/>
      <c r="T374" s="200"/>
      <c r="U374" s="200"/>
      <c r="V374" s="200"/>
      <c r="W374" s="200"/>
      <c r="X374" s="201"/>
      <c r="Y374" s="141"/>
      <c r="Z374" s="135"/>
      <c r="AA374" s="135"/>
      <c r="AB374" s="136"/>
      <c r="AC374" s="141"/>
      <c r="AD374" s="135"/>
      <c r="AE374" s="135"/>
      <c r="AF374" s="136"/>
    </row>
    <row r="375" spans="1:32" ht="18.75" customHeight="1" x14ac:dyDescent="0.15">
      <c r="A375" s="127"/>
      <c r="B375" s="128"/>
      <c r="C375" s="219"/>
      <c r="D375" s="131"/>
      <c r="E375" s="116"/>
      <c r="F375" s="131"/>
      <c r="G375" s="238"/>
      <c r="H375" s="197" t="s">
        <v>366</v>
      </c>
      <c r="I375" s="143" t="s">
        <v>11</v>
      </c>
      <c r="J375" s="144" t="s">
        <v>58</v>
      </c>
      <c r="K375" s="145"/>
      <c r="L375" s="146"/>
      <c r="M375" s="147" t="s">
        <v>11</v>
      </c>
      <c r="N375" s="144" t="s">
        <v>59</v>
      </c>
      <c r="O375" s="148"/>
      <c r="P375" s="148"/>
      <c r="Q375" s="148"/>
      <c r="R375" s="148"/>
      <c r="S375" s="148"/>
      <c r="T375" s="148"/>
      <c r="U375" s="148"/>
      <c r="V375" s="148"/>
      <c r="W375" s="148"/>
      <c r="X375" s="149"/>
      <c r="Y375" s="141"/>
      <c r="Z375" s="135"/>
      <c r="AA375" s="135"/>
      <c r="AB375" s="136"/>
      <c r="AC375" s="141"/>
      <c r="AD375" s="135"/>
      <c r="AE375" s="135"/>
      <c r="AF375" s="136"/>
    </row>
    <row r="376" spans="1:32" ht="18.75" customHeight="1" x14ac:dyDescent="0.15">
      <c r="A376" s="127"/>
      <c r="B376" s="128"/>
      <c r="C376" s="219"/>
      <c r="D376" s="131"/>
      <c r="E376" s="116"/>
      <c r="F376" s="131"/>
      <c r="G376" s="238"/>
      <c r="H376" s="226" t="s">
        <v>36</v>
      </c>
      <c r="I376" s="164" t="s">
        <v>11</v>
      </c>
      <c r="J376" s="144" t="s">
        <v>25</v>
      </c>
      <c r="K376" s="144"/>
      <c r="L376" s="147" t="s">
        <v>11</v>
      </c>
      <c r="M376" s="144" t="s">
        <v>26</v>
      </c>
      <c r="N376" s="144"/>
      <c r="O376" s="168" t="s">
        <v>11</v>
      </c>
      <c r="P376" s="144" t="s">
        <v>27</v>
      </c>
      <c r="Q376" s="200"/>
      <c r="R376" s="200"/>
      <c r="S376" s="200"/>
      <c r="T376" s="200"/>
      <c r="U376" s="200"/>
      <c r="V376" s="200"/>
      <c r="W376" s="200"/>
      <c r="X376" s="201"/>
      <c r="Y376" s="141"/>
      <c r="Z376" s="135"/>
      <c r="AA376" s="135"/>
      <c r="AB376" s="136"/>
      <c r="AC376" s="141"/>
      <c r="AD376" s="135"/>
      <c r="AE376" s="135"/>
      <c r="AF376" s="136"/>
    </row>
    <row r="377" spans="1:32" ht="18.75" customHeight="1" x14ac:dyDescent="0.15">
      <c r="A377" s="127"/>
      <c r="B377" s="128"/>
      <c r="C377" s="219"/>
      <c r="D377" s="113"/>
      <c r="E377" s="116"/>
      <c r="F377" s="131"/>
      <c r="G377" s="238"/>
      <c r="H377" s="224" t="s">
        <v>144</v>
      </c>
      <c r="I377" s="143" t="s">
        <v>11</v>
      </c>
      <c r="J377" s="144" t="s">
        <v>25</v>
      </c>
      <c r="K377" s="144"/>
      <c r="L377" s="147" t="s">
        <v>11</v>
      </c>
      <c r="M377" s="144" t="s">
        <v>26</v>
      </c>
      <c r="N377" s="144"/>
      <c r="O377" s="147" t="s">
        <v>11</v>
      </c>
      <c r="P377" s="144" t="s">
        <v>27</v>
      </c>
      <c r="Q377" s="145"/>
      <c r="R377" s="145"/>
      <c r="S377" s="145"/>
      <c r="T377" s="145"/>
      <c r="U377" s="145"/>
      <c r="V377" s="145"/>
      <c r="W377" s="145"/>
      <c r="X377" s="152"/>
      <c r="Y377" s="141"/>
      <c r="Z377" s="135"/>
      <c r="AA377" s="135"/>
      <c r="AB377" s="136"/>
      <c r="AC377" s="141"/>
      <c r="AD377" s="135"/>
      <c r="AE377" s="135"/>
      <c r="AF377" s="136"/>
    </row>
    <row r="378" spans="1:32" ht="18.75" customHeight="1" x14ac:dyDescent="0.15">
      <c r="A378" s="113" t="s">
        <v>11</v>
      </c>
      <c r="B378" s="128">
        <v>37</v>
      </c>
      <c r="C378" s="219" t="s">
        <v>360</v>
      </c>
      <c r="D378" s="113" t="s">
        <v>11</v>
      </c>
      <c r="E378" s="116" t="s">
        <v>107</v>
      </c>
      <c r="F378" s="131"/>
      <c r="G378" s="238"/>
      <c r="H378" s="150" t="s">
        <v>84</v>
      </c>
      <c r="I378" s="143" t="s">
        <v>11</v>
      </c>
      <c r="J378" s="144" t="s">
        <v>25</v>
      </c>
      <c r="K378" s="145"/>
      <c r="L378" s="147" t="s">
        <v>11</v>
      </c>
      <c r="M378" s="144" t="s">
        <v>29</v>
      </c>
      <c r="N378" s="200"/>
      <c r="O378" s="200"/>
      <c r="P378" s="200"/>
      <c r="Q378" s="200"/>
      <c r="R378" s="200"/>
      <c r="S378" s="200"/>
      <c r="T378" s="200"/>
      <c r="U378" s="200"/>
      <c r="V378" s="200"/>
      <c r="W378" s="200"/>
      <c r="X378" s="201"/>
      <c r="Y378" s="141"/>
      <c r="Z378" s="135"/>
      <c r="AA378" s="135"/>
      <c r="AB378" s="136"/>
      <c r="AC378" s="141"/>
      <c r="AD378" s="135"/>
      <c r="AE378" s="135"/>
      <c r="AF378" s="136"/>
    </row>
    <row r="379" spans="1:32" ht="18.75" customHeight="1" x14ac:dyDescent="0.15">
      <c r="A379" s="127"/>
      <c r="B379" s="128"/>
      <c r="C379" s="219" t="s">
        <v>367</v>
      </c>
      <c r="D379" s="113" t="s">
        <v>11</v>
      </c>
      <c r="E379" s="116" t="s">
        <v>106</v>
      </c>
      <c r="F379" s="131"/>
      <c r="G379" s="116"/>
      <c r="H379" s="224" t="s">
        <v>116</v>
      </c>
      <c r="I379" s="143" t="s">
        <v>11</v>
      </c>
      <c r="J379" s="144" t="s">
        <v>25</v>
      </c>
      <c r="K379" s="144"/>
      <c r="L379" s="147" t="s">
        <v>11</v>
      </c>
      <c r="M379" s="155" t="s">
        <v>29</v>
      </c>
      <c r="N379" s="144"/>
      <c r="O379" s="144"/>
      <c r="P379" s="144"/>
      <c r="Q379" s="145"/>
      <c r="R379" s="145"/>
      <c r="S379" s="145"/>
      <c r="T379" s="145"/>
      <c r="U379" s="145"/>
      <c r="V379" s="145"/>
      <c r="W379" s="145"/>
      <c r="X379" s="152"/>
      <c r="Y379" s="141"/>
      <c r="Z379" s="135"/>
      <c r="AA379" s="135"/>
      <c r="AB379" s="136"/>
      <c r="AC379" s="141"/>
      <c r="AD379" s="135"/>
      <c r="AE379" s="135"/>
      <c r="AF379" s="136"/>
    </row>
    <row r="380" spans="1:32" ht="18.75" customHeight="1" x14ac:dyDescent="0.15">
      <c r="A380" s="127"/>
      <c r="B380" s="128"/>
      <c r="C380" s="232"/>
      <c r="D380" s="113" t="s">
        <v>11</v>
      </c>
      <c r="E380" s="116" t="s">
        <v>327</v>
      </c>
      <c r="F380" s="131"/>
      <c r="G380" s="116"/>
      <c r="H380" s="224" t="s">
        <v>117</v>
      </c>
      <c r="I380" s="143" t="s">
        <v>11</v>
      </c>
      <c r="J380" s="144" t="s">
        <v>25</v>
      </c>
      <c r="K380" s="144"/>
      <c r="L380" s="147" t="s">
        <v>11</v>
      </c>
      <c r="M380" s="155" t="s">
        <v>29</v>
      </c>
      <c r="N380" s="144"/>
      <c r="O380" s="144"/>
      <c r="P380" s="144"/>
      <c r="Q380" s="145"/>
      <c r="R380" s="145"/>
      <c r="S380" s="145"/>
      <c r="T380" s="145"/>
      <c r="U380" s="145"/>
      <c r="V380" s="145"/>
      <c r="W380" s="145"/>
      <c r="X380" s="152"/>
      <c r="Y380" s="141"/>
      <c r="Z380" s="135"/>
      <c r="AA380" s="135"/>
      <c r="AB380" s="136"/>
      <c r="AC380" s="141"/>
      <c r="AD380" s="135"/>
      <c r="AE380" s="135"/>
      <c r="AF380" s="136"/>
    </row>
    <row r="381" spans="1:32" ht="18.75" customHeight="1" x14ac:dyDescent="0.15">
      <c r="A381" s="127"/>
      <c r="B381" s="128"/>
      <c r="C381" s="219"/>
      <c r="D381" s="113" t="s">
        <v>11</v>
      </c>
      <c r="E381" s="116" t="s">
        <v>328</v>
      </c>
      <c r="F381" s="131"/>
      <c r="G381" s="238"/>
      <c r="H381" s="228" t="s">
        <v>103</v>
      </c>
      <c r="I381" s="143" t="s">
        <v>11</v>
      </c>
      <c r="J381" s="144" t="s">
        <v>25</v>
      </c>
      <c r="K381" s="144"/>
      <c r="L381" s="147" t="s">
        <v>11</v>
      </c>
      <c r="M381" s="144" t="s">
        <v>26</v>
      </c>
      <c r="N381" s="144"/>
      <c r="O381" s="147" t="s">
        <v>11</v>
      </c>
      <c r="P381" s="144" t="s">
        <v>27</v>
      </c>
      <c r="Q381" s="148"/>
      <c r="R381" s="148"/>
      <c r="S381" s="148"/>
      <c r="T381" s="148"/>
      <c r="U381" s="169"/>
      <c r="V381" s="169"/>
      <c r="W381" s="169"/>
      <c r="X381" s="170"/>
      <c r="Y381" s="141"/>
      <c r="Z381" s="135"/>
      <c r="AA381" s="135"/>
      <c r="AB381" s="136"/>
      <c r="AC381" s="141"/>
      <c r="AD381" s="135"/>
      <c r="AE381" s="135"/>
      <c r="AF381" s="136"/>
    </row>
    <row r="382" spans="1:32" ht="18.75" customHeight="1" x14ac:dyDescent="0.15">
      <c r="A382" s="127"/>
      <c r="B382" s="128"/>
      <c r="C382" s="219"/>
      <c r="D382" s="131"/>
      <c r="E382" s="116"/>
      <c r="F382" s="131"/>
      <c r="G382" s="238"/>
      <c r="H382" s="226" t="s">
        <v>85</v>
      </c>
      <c r="I382" s="143" t="s">
        <v>11</v>
      </c>
      <c r="J382" s="144" t="s">
        <v>25</v>
      </c>
      <c r="K382" s="144"/>
      <c r="L382" s="147" t="s">
        <v>11</v>
      </c>
      <c r="M382" s="144" t="s">
        <v>86</v>
      </c>
      <c r="N382" s="144"/>
      <c r="O382" s="147" t="s">
        <v>11</v>
      </c>
      <c r="P382" s="144" t="s">
        <v>87</v>
      </c>
      <c r="Q382" s="200"/>
      <c r="R382" s="147" t="s">
        <v>11</v>
      </c>
      <c r="S382" s="144" t="s">
        <v>88</v>
      </c>
      <c r="T382" s="200"/>
      <c r="U382" s="200"/>
      <c r="V382" s="200"/>
      <c r="W382" s="200"/>
      <c r="X382" s="201"/>
      <c r="Y382" s="141"/>
      <c r="Z382" s="135"/>
      <c r="AA382" s="135"/>
      <c r="AB382" s="136"/>
      <c r="AC382" s="141"/>
      <c r="AD382" s="135"/>
      <c r="AE382" s="135"/>
      <c r="AF382" s="136"/>
    </row>
    <row r="383" spans="1:32" ht="18.75" customHeight="1" x14ac:dyDescent="0.15">
      <c r="A383" s="127"/>
      <c r="B383" s="128"/>
      <c r="C383" s="129"/>
      <c r="D383" s="130"/>
      <c r="E383" s="116"/>
      <c r="F383" s="131"/>
      <c r="G383" s="132"/>
      <c r="H383" s="395" t="s">
        <v>37</v>
      </c>
      <c r="I383" s="164" t="s">
        <v>11</v>
      </c>
      <c r="J383" s="153" t="s">
        <v>25</v>
      </c>
      <c r="K383" s="153"/>
      <c r="L383" s="165"/>
      <c r="M383" s="166"/>
      <c r="N383" s="166"/>
      <c r="O383" s="165"/>
      <c r="P383" s="166"/>
      <c r="Q383" s="167"/>
      <c r="R383" s="165"/>
      <c r="S383" s="166"/>
      <c r="T383" s="167"/>
      <c r="U383" s="168" t="s">
        <v>11</v>
      </c>
      <c r="V383" s="153" t="s">
        <v>38</v>
      </c>
      <c r="W383" s="169"/>
      <c r="X383" s="170"/>
      <c r="Y383" s="244"/>
      <c r="Z383" s="244"/>
      <c r="AA383" s="244"/>
      <c r="AB383" s="136"/>
      <c r="AC383" s="141"/>
      <c r="AD383" s="244"/>
      <c r="AE383" s="244"/>
      <c r="AF383" s="136"/>
    </row>
    <row r="384" spans="1:32" ht="18.75" customHeight="1" x14ac:dyDescent="0.15">
      <c r="A384" s="127"/>
      <c r="B384" s="128"/>
      <c r="C384" s="129"/>
      <c r="D384" s="130"/>
      <c r="E384" s="116"/>
      <c r="F384" s="131"/>
      <c r="G384" s="132"/>
      <c r="H384" s="395"/>
      <c r="I384" s="113" t="s">
        <v>11</v>
      </c>
      <c r="J384" s="243" t="s">
        <v>39</v>
      </c>
      <c r="K384" s="243"/>
      <c r="L384" s="245"/>
      <c r="M384" s="245" t="s">
        <v>11</v>
      </c>
      <c r="N384" s="243" t="s">
        <v>40</v>
      </c>
      <c r="O384" s="245"/>
      <c r="P384" s="245"/>
      <c r="Q384" s="245" t="s">
        <v>11</v>
      </c>
      <c r="R384" s="243" t="s">
        <v>41</v>
      </c>
      <c r="S384" s="246"/>
      <c r="T384" s="243"/>
      <c r="U384" s="245" t="s">
        <v>11</v>
      </c>
      <c r="V384" s="243" t="s">
        <v>42</v>
      </c>
      <c r="W384" s="247"/>
      <c r="X384" s="134"/>
      <c r="Y384" s="244"/>
      <c r="Z384" s="244"/>
      <c r="AA384" s="244"/>
      <c r="AB384" s="136"/>
      <c r="AC384" s="141"/>
      <c r="AD384" s="244"/>
      <c r="AE384" s="244"/>
      <c r="AF384" s="136"/>
    </row>
    <row r="385" spans="1:32" ht="18.75" customHeight="1" x14ac:dyDescent="0.15">
      <c r="A385" s="127"/>
      <c r="B385" s="128"/>
      <c r="C385" s="129"/>
      <c r="D385" s="130"/>
      <c r="E385" s="116"/>
      <c r="F385" s="131"/>
      <c r="G385" s="132"/>
      <c r="H385" s="395"/>
      <c r="I385" s="113" t="s">
        <v>11</v>
      </c>
      <c r="J385" s="243" t="s">
        <v>43</v>
      </c>
      <c r="K385" s="243"/>
      <c r="L385" s="245"/>
      <c r="M385" s="245" t="s">
        <v>11</v>
      </c>
      <c r="N385" s="243" t="s">
        <v>44</v>
      </c>
      <c r="O385" s="245"/>
      <c r="P385" s="245"/>
      <c r="Q385" s="245" t="s">
        <v>11</v>
      </c>
      <c r="R385" s="243" t="s">
        <v>45</v>
      </c>
      <c r="S385" s="246"/>
      <c r="T385" s="243"/>
      <c r="U385" s="245" t="s">
        <v>11</v>
      </c>
      <c r="V385" s="243" t="s">
        <v>46</v>
      </c>
      <c r="W385" s="247"/>
      <c r="X385" s="134"/>
      <c r="Y385" s="244"/>
      <c r="Z385" s="244"/>
      <c r="AA385" s="244"/>
      <c r="AB385" s="136"/>
      <c r="AC385" s="141"/>
      <c r="AD385" s="244"/>
      <c r="AE385" s="244"/>
      <c r="AF385" s="136"/>
    </row>
    <row r="386" spans="1:32" ht="18.75" customHeight="1" x14ac:dyDescent="0.15">
      <c r="A386" s="127"/>
      <c r="B386" s="128"/>
      <c r="C386" s="129"/>
      <c r="D386" s="130"/>
      <c r="E386" s="116"/>
      <c r="F386" s="131"/>
      <c r="G386" s="132"/>
      <c r="H386" s="395"/>
      <c r="I386" s="113" t="s">
        <v>11</v>
      </c>
      <c r="J386" s="243" t="s">
        <v>47</v>
      </c>
      <c r="K386" s="243"/>
      <c r="L386" s="245"/>
      <c r="M386" s="245" t="s">
        <v>11</v>
      </c>
      <c r="N386" s="243" t="s">
        <v>48</v>
      </c>
      <c r="O386" s="245"/>
      <c r="P386" s="245"/>
      <c r="Q386" s="245" t="s">
        <v>11</v>
      </c>
      <c r="R386" s="243" t="s">
        <v>49</v>
      </c>
      <c r="S386" s="246"/>
      <c r="T386" s="243"/>
      <c r="U386" s="245" t="s">
        <v>11</v>
      </c>
      <c r="V386" s="243" t="s">
        <v>50</v>
      </c>
      <c r="W386" s="247"/>
      <c r="X386" s="134"/>
      <c r="Y386" s="244"/>
      <c r="Z386" s="244"/>
      <c r="AA386" s="244"/>
      <c r="AB386" s="136"/>
      <c r="AC386" s="141"/>
      <c r="AD386" s="244"/>
      <c r="AE386" s="244"/>
      <c r="AF386" s="136"/>
    </row>
    <row r="387" spans="1:32" ht="18.75" customHeight="1" x14ac:dyDescent="0.15">
      <c r="A387" s="127"/>
      <c r="B387" s="128"/>
      <c r="C387" s="129"/>
      <c r="D387" s="130"/>
      <c r="E387" s="116"/>
      <c r="F387" s="131"/>
      <c r="G387" s="132"/>
      <c r="H387" s="395"/>
      <c r="I387" s="113" t="s">
        <v>11</v>
      </c>
      <c r="J387" s="243" t="s">
        <v>51</v>
      </c>
      <c r="K387" s="243"/>
      <c r="L387" s="245"/>
      <c r="M387" s="245" t="s">
        <v>11</v>
      </c>
      <c r="N387" s="243" t="s">
        <v>52</v>
      </c>
      <c r="O387" s="245"/>
      <c r="P387" s="245"/>
      <c r="Q387" s="245" t="s">
        <v>11</v>
      </c>
      <c r="R387" s="243" t="s">
        <v>53</v>
      </c>
      <c r="S387" s="246"/>
      <c r="T387" s="243"/>
      <c r="U387" s="245" t="s">
        <v>11</v>
      </c>
      <c r="V387" s="243" t="s">
        <v>54</v>
      </c>
      <c r="W387" s="247"/>
      <c r="X387" s="134"/>
      <c r="Y387" s="244"/>
      <c r="Z387" s="244"/>
      <c r="AA387" s="244"/>
      <c r="AB387" s="136"/>
      <c r="AC387" s="141"/>
      <c r="AD387" s="244"/>
      <c r="AE387" s="244"/>
      <c r="AF387" s="136"/>
    </row>
    <row r="388" spans="1:32" ht="18.75" customHeight="1" x14ac:dyDescent="0.15">
      <c r="A388" s="171"/>
      <c r="B388" s="172"/>
      <c r="C388" s="173"/>
      <c r="D388" s="174"/>
      <c r="E388" s="175"/>
      <c r="F388" s="176"/>
      <c r="G388" s="177"/>
      <c r="H388" s="459"/>
      <c r="I388" s="178" t="s">
        <v>11</v>
      </c>
      <c r="J388" s="179" t="s">
        <v>55</v>
      </c>
      <c r="K388" s="179"/>
      <c r="L388" s="180"/>
      <c r="M388" s="180"/>
      <c r="N388" s="179"/>
      <c r="O388" s="180"/>
      <c r="P388" s="180"/>
      <c r="Q388" s="180"/>
      <c r="R388" s="179"/>
      <c r="S388" s="181"/>
      <c r="T388" s="179"/>
      <c r="U388" s="180"/>
      <c r="V388" s="179"/>
      <c r="W388" s="182"/>
      <c r="X388" s="183"/>
      <c r="Y388" s="184"/>
      <c r="Z388" s="184"/>
      <c r="AA388" s="184"/>
      <c r="AB388" s="185"/>
      <c r="AC388" s="186"/>
      <c r="AD388" s="184"/>
      <c r="AE388" s="184"/>
      <c r="AF388" s="185"/>
    </row>
    <row r="389" spans="1:32" ht="18.75" customHeight="1" x14ac:dyDescent="0.15">
      <c r="A389" s="117"/>
      <c r="B389" s="118"/>
      <c r="C389" s="216"/>
      <c r="D389" s="121"/>
      <c r="E389" s="112"/>
      <c r="F389" s="229"/>
      <c r="G389" s="321"/>
      <c r="H389" s="317" t="s">
        <v>104</v>
      </c>
      <c r="I389" s="187" t="s">
        <v>11</v>
      </c>
      <c r="J389" s="188" t="s">
        <v>93</v>
      </c>
      <c r="K389" s="189"/>
      <c r="L389" s="190"/>
      <c r="M389" s="191" t="s">
        <v>11</v>
      </c>
      <c r="N389" s="188" t="s">
        <v>94</v>
      </c>
      <c r="O389" s="192"/>
      <c r="P389" s="192"/>
      <c r="Q389" s="192"/>
      <c r="R389" s="192"/>
      <c r="S389" s="192"/>
      <c r="T389" s="192"/>
      <c r="U389" s="192"/>
      <c r="V389" s="192"/>
      <c r="W389" s="192"/>
      <c r="X389" s="193"/>
      <c r="Y389" s="194" t="s">
        <v>11</v>
      </c>
      <c r="Z389" s="110" t="s">
        <v>20</v>
      </c>
      <c r="AA389" s="110"/>
      <c r="AB389" s="126"/>
      <c r="AC389" s="194" t="s">
        <v>11</v>
      </c>
      <c r="AD389" s="110" t="s">
        <v>20</v>
      </c>
      <c r="AE389" s="110"/>
      <c r="AF389" s="126"/>
    </row>
    <row r="390" spans="1:32" ht="18.75" customHeight="1" x14ac:dyDescent="0.15">
      <c r="A390" s="127"/>
      <c r="B390" s="128"/>
      <c r="C390" s="219"/>
      <c r="D390" s="131"/>
      <c r="E390" s="116"/>
      <c r="F390" s="230"/>
      <c r="G390" s="322"/>
      <c r="H390" s="226" t="s">
        <v>66</v>
      </c>
      <c r="I390" s="143" t="s">
        <v>11</v>
      </c>
      <c r="J390" s="144" t="s">
        <v>25</v>
      </c>
      <c r="K390" s="144"/>
      <c r="L390" s="146"/>
      <c r="M390" s="147" t="s">
        <v>11</v>
      </c>
      <c r="N390" s="144" t="s">
        <v>319</v>
      </c>
      <c r="O390" s="144"/>
      <c r="P390" s="146"/>
      <c r="Q390" s="145"/>
      <c r="R390" s="145"/>
      <c r="S390" s="145"/>
      <c r="T390" s="145"/>
      <c r="U390" s="145"/>
      <c r="V390" s="145"/>
      <c r="W390" s="145"/>
      <c r="X390" s="152"/>
      <c r="Y390" s="113" t="s">
        <v>11</v>
      </c>
      <c r="Z390" s="243" t="s">
        <v>21</v>
      </c>
      <c r="AA390" s="244"/>
      <c r="AB390" s="136"/>
      <c r="AC390" s="113" t="s">
        <v>11</v>
      </c>
      <c r="AD390" s="243" t="s">
        <v>21</v>
      </c>
      <c r="AE390" s="244"/>
      <c r="AF390" s="136"/>
    </row>
    <row r="391" spans="1:32" ht="19.5" customHeight="1" x14ac:dyDescent="0.15">
      <c r="A391" s="127"/>
      <c r="B391" s="128"/>
      <c r="C391" s="129"/>
      <c r="D391" s="130"/>
      <c r="E391" s="116"/>
      <c r="F391" s="131"/>
      <c r="G391" s="132"/>
      <c r="H391" s="142" t="s">
        <v>22</v>
      </c>
      <c r="I391" s="143" t="s">
        <v>11</v>
      </c>
      <c r="J391" s="144" t="s">
        <v>23</v>
      </c>
      <c r="K391" s="145"/>
      <c r="L391" s="146"/>
      <c r="M391" s="147" t="s">
        <v>11</v>
      </c>
      <c r="N391" s="144" t="s">
        <v>24</v>
      </c>
      <c r="O391" s="147"/>
      <c r="P391" s="144"/>
      <c r="Q391" s="148"/>
      <c r="R391" s="148"/>
      <c r="S391" s="148"/>
      <c r="T391" s="148"/>
      <c r="U391" s="148"/>
      <c r="V391" s="148"/>
      <c r="W391" s="148"/>
      <c r="X391" s="149"/>
      <c r="Y391" s="244"/>
      <c r="Z391" s="244"/>
      <c r="AA391" s="244"/>
      <c r="AB391" s="136"/>
      <c r="AC391" s="141"/>
      <c r="AD391" s="244"/>
      <c r="AE391" s="244"/>
      <c r="AF391" s="136"/>
    </row>
    <row r="392" spans="1:32" ht="19.5" customHeight="1" x14ac:dyDescent="0.15">
      <c r="A392" s="127"/>
      <c r="B392" s="128"/>
      <c r="C392" s="129"/>
      <c r="D392" s="130"/>
      <c r="E392" s="116"/>
      <c r="F392" s="131"/>
      <c r="G392" s="132"/>
      <c r="H392" s="142" t="s">
        <v>69</v>
      </c>
      <c r="I392" s="143" t="s">
        <v>11</v>
      </c>
      <c r="J392" s="144" t="s">
        <v>23</v>
      </c>
      <c r="K392" s="145"/>
      <c r="L392" s="146"/>
      <c r="M392" s="147" t="s">
        <v>11</v>
      </c>
      <c r="N392" s="144" t="s">
        <v>24</v>
      </c>
      <c r="O392" s="147"/>
      <c r="P392" s="144"/>
      <c r="Q392" s="148"/>
      <c r="R392" s="148"/>
      <c r="S392" s="148"/>
      <c r="T392" s="148"/>
      <c r="U392" s="148"/>
      <c r="V392" s="148"/>
      <c r="W392" s="148"/>
      <c r="X392" s="149"/>
      <c r="Y392" s="244"/>
      <c r="Z392" s="244"/>
      <c r="AA392" s="244"/>
      <c r="AB392" s="136"/>
      <c r="AC392" s="141"/>
      <c r="AD392" s="244"/>
      <c r="AE392" s="244"/>
      <c r="AF392" s="136"/>
    </row>
    <row r="393" spans="1:32" ht="18.75" customHeight="1" x14ac:dyDescent="0.15">
      <c r="A393" s="127"/>
      <c r="B393" s="128"/>
      <c r="C393" s="219"/>
      <c r="D393" s="131"/>
      <c r="E393" s="116"/>
      <c r="F393" s="230"/>
      <c r="G393" s="322"/>
      <c r="H393" s="470" t="s">
        <v>320</v>
      </c>
      <c r="I393" s="397" t="s">
        <v>11</v>
      </c>
      <c r="J393" s="421" t="s">
        <v>25</v>
      </c>
      <c r="K393" s="421"/>
      <c r="L393" s="397" t="s">
        <v>11</v>
      </c>
      <c r="M393" s="421" t="s">
        <v>29</v>
      </c>
      <c r="N393" s="421"/>
      <c r="O393" s="153"/>
      <c r="P393" s="153"/>
      <c r="Q393" s="153"/>
      <c r="R393" s="153"/>
      <c r="S393" s="153"/>
      <c r="T393" s="153"/>
      <c r="U393" s="153"/>
      <c r="V393" s="153"/>
      <c r="W393" s="153"/>
      <c r="X393" s="157"/>
      <c r="Y393" s="141"/>
      <c r="Z393" s="244"/>
      <c r="AA393" s="244"/>
      <c r="AB393" s="136"/>
      <c r="AC393" s="141"/>
      <c r="AD393" s="244"/>
      <c r="AE393" s="244"/>
      <c r="AF393" s="136"/>
    </row>
    <row r="394" spans="1:32" ht="18.75" customHeight="1" x14ac:dyDescent="0.15">
      <c r="A394" s="127"/>
      <c r="B394" s="128"/>
      <c r="C394" s="232"/>
      <c r="D394" s="242"/>
      <c r="E394" s="116"/>
      <c r="F394" s="230"/>
      <c r="G394" s="322"/>
      <c r="H394" s="470"/>
      <c r="I394" s="397"/>
      <c r="J394" s="421"/>
      <c r="K394" s="421"/>
      <c r="L394" s="397"/>
      <c r="M394" s="421"/>
      <c r="N394" s="421"/>
      <c r="O394" s="155"/>
      <c r="P394" s="155"/>
      <c r="Q394" s="155"/>
      <c r="R394" s="155"/>
      <c r="S394" s="155"/>
      <c r="T394" s="155"/>
      <c r="U394" s="155"/>
      <c r="V394" s="155"/>
      <c r="W394" s="155"/>
      <c r="X394" s="156"/>
      <c r="Y394" s="141"/>
      <c r="Z394" s="244"/>
      <c r="AA394" s="244"/>
      <c r="AB394" s="136"/>
      <c r="AC394" s="141"/>
      <c r="AD394" s="244"/>
      <c r="AE394" s="244"/>
      <c r="AF394" s="136"/>
    </row>
    <row r="395" spans="1:32" ht="18.75" customHeight="1" x14ac:dyDescent="0.15">
      <c r="A395" s="127"/>
      <c r="B395" s="128"/>
      <c r="C395" s="232"/>
      <c r="D395" s="242"/>
      <c r="E395" s="116"/>
      <c r="F395" s="230"/>
      <c r="G395" s="322"/>
      <c r="H395" s="226" t="s">
        <v>321</v>
      </c>
      <c r="I395" s="164" t="s">
        <v>11</v>
      </c>
      <c r="J395" s="144" t="s">
        <v>25</v>
      </c>
      <c r="K395" s="144"/>
      <c r="L395" s="147" t="s">
        <v>11</v>
      </c>
      <c r="M395" s="144" t="s">
        <v>26</v>
      </c>
      <c r="N395" s="144"/>
      <c r="O395" s="168" t="s">
        <v>11</v>
      </c>
      <c r="P395" s="144" t="s">
        <v>27</v>
      </c>
      <c r="Q395" s="200"/>
      <c r="R395" s="200"/>
      <c r="S395" s="200"/>
      <c r="T395" s="200"/>
      <c r="U395" s="200"/>
      <c r="V395" s="200"/>
      <c r="W395" s="200"/>
      <c r="X395" s="201"/>
      <c r="Y395" s="141"/>
      <c r="Z395" s="135"/>
      <c r="AA395" s="135"/>
      <c r="AB395" s="136"/>
      <c r="AC395" s="141"/>
      <c r="AD395" s="135"/>
      <c r="AE395" s="135"/>
      <c r="AF395" s="136"/>
    </row>
    <row r="396" spans="1:32" ht="18.75" customHeight="1" x14ac:dyDescent="0.15">
      <c r="A396" s="127"/>
      <c r="B396" s="128"/>
      <c r="C396" s="232"/>
      <c r="D396" s="242"/>
      <c r="E396" s="116"/>
      <c r="F396" s="230"/>
      <c r="G396" s="322"/>
      <c r="H396" s="226" t="s">
        <v>234</v>
      </c>
      <c r="I396" s="143" t="s">
        <v>11</v>
      </c>
      <c r="J396" s="144" t="s">
        <v>25</v>
      </c>
      <c r="K396" s="145"/>
      <c r="L396" s="147" t="s">
        <v>11</v>
      </c>
      <c r="M396" s="144" t="s">
        <v>29</v>
      </c>
      <c r="N396" s="200"/>
      <c r="O396" s="200"/>
      <c r="P396" s="200"/>
      <c r="Q396" s="200"/>
      <c r="R396" s="200"/>
      <c r="S396" s="200"/>
      <c r="T396" s="200"/>
      <c r="U396" s="200"/>
      <c r="V396" s="200"/>
      <c r="W396" s="200"/>
      <c r="X396" s="201"/>
      <c r="Y396" s="141"/>
      <c r="Z396" s="135"/>
      <c r="AA396" s="135"/>
      <c r="AB396" s="136"/>
      <c r="AC396" s="141"/>
      <c r="AD396" s="135"/>
      <c r="AE396" s="135"/>
      <c r="AF396" s="136"/>
    </row>
    <row r="397" spans="1:32" ht="18.75" customHeight="1" x14ac:dyDescent="0.15">
      <c r="A397" s="127"/>
      <c r="B397" s="128"/>
      <c r="C397" s="232"/>
      <c r="D397" s="242"/>
      <c r="E397" s="116"/>
      <c r="F397" s="131"/>
      <c r="G397" s="116"/>
      <c r="H397" s="224" t="s">
        <v>116</v>
      </c>
      <c r="I397" s="143" t="s">
        <v>11</v>
      </c>
      <c r="J397" s="144" t="s">
        <v>25</v>
      </c>
      <c r="K397" s="144"/>
      <c r="L397" s="147" t="s">
        <v>11</v>
      </c>
      <c r="M397" s="155" t="s">
        <v>29</v>
      </c>
      <c r="N397" s="144"/>
      <c r="O397" s="144"/>
      <c r="P397" s="144"/>
      <c r="Q397" s="145"/>
      <c r="R397" s="145"/>
      <c r="S397" s="145"/>
      <c r="T397" s="145"/>
      <c r="U397" s="145"/>
      <c r="V397" s="145"/>
      <c r="W397" s="145"/>
      <c r="X397" s="152"/>
      <c r="Y397" s="141"/>
      <c r="Z397" s="135"/>
      <c r="AA397" s="135"/>
      <c r="AB397" s="136"/>
      <c r="AC397" s="141"/>
      <c r="AD397" s="135"/>
      <c r="AE397" s="135"/>
      <c r="AF397" s="136"/>
    </row>
    <row r="398" spans="1:32" ht="18.75" customHeight="1" x14ac:dyDescent="0.15">
      <c r="A398" s="127"/>
      <c r="B398" s="128"/>
      <c r="C398" s="219" t="s">
        <v>360</v>
      </c>
      <c r="D398" s="113" t="s">
        <v>11</v>
      </c>
      <c r="E398" s="116" t="s">
        <v>107</v>
      </c>
      <c r="F398" s="131"/>
      <c r="G398" s="116"/>
      <c r="H398" s="224" t="s">
        <v>117</v>
      </c>
      <c r="I398" s="143" t="s">
        <v>11</v>
      </c>
      <c r="J398" s="144" t="s">
        <v>25</v>
      </c>
      <c r="K398" s="144"/>
      <c r="L398" s="147" t="s">
        <v>11</v>
      </c>
      <c r="M398" s="155" t="s">
        <v>29</v>
      </c>
      <c r="N398" s="144"/>
      <c r="O398" s="144"/>
      <c r="P398" s="144"/>
      <c r="Q398" s="145"/>
      <c r="R398" s="145"/>
      <c r="S398" s="145"/>
      <c r="T398" s="145"/>
      <c r="U398" s="145"/>
      <c r="V398" s="145"/>
      <c r="W398" s="145"/>
      <c r="X398" s="152"/>
      <c r="Y398" s="141"/>
      <c r="Z398" s="135"/>
      <c r="AA398" s="135"/>
      <c r="AB398" s="136"/>
      <c r="AC398" s="141"/>
      <c r="AD398" s="135"/>
      <c r="AE398" s="135"/>
      <c r="AF398" s="136"/>
    </row>
    <row r="399" spans="1:32" ht="18.75" customHeight="1" x14ac:dyDescent="0.15">
      <c r="A399" s="113" t="s">
        <v>11</v>
      </c>
      <c r="B399" s="128">
        <v>39</v>
      </c>
      <c r="C399" s="219" t="s">
        <v>367</v>
      </c>
      <c r="D399" s="113" t="s">
        <v>11</v>
      </c>
      <c r="E399" s="116" t="s">
        <v>106</v>
      </c>
      <c r="F399" s="230"/>
      <c r="G399" s="322"/>
      <c r="H399" s="228" t="s">
        <v>103</v>
      </c>
      <c r="I399" s="143" t="s">
        <v>11</v>
      </c>
      <c r="J399" s="144" t="s">
        <v>25</v>
      </c>
      <c r="K399" s="144"/>
      <c r="L399" s="147" t="s">
        <v>11</v>
      </c>
      <c r="M399" s="144" t="s">
        <v>26</v>
      </c>
      <c r="N399" s="144"/>
      <c r="O399" s="147" t="s">
        <v>11</v>
      </c>
      <c r="P399" s="144" t="s">
        <v>27</v>
      </c>
      <c r="Q399" s="148"/>
      <c r="R399" s="148"/>
      <c r="S399" s="148"/>
      <c r="T399" s="148"/>
      <c r="U399" s="169"/>
      <c r="V399" s="169"/>
      <c r="W399" s="169"/>
      <c r="X399" s="170"/>
      <c r="Y399" s="141"/>
      <c r="Z399" s="135"/>
      <c r="AA399" s="135"/>
      <c r="AB399" s="136"/>
      <c r="AC399" s="141"/>
      <c r="AD399" s="135"/>
      <c r="AE399" s="135"/>
      <c r="AF399" s="136"/>
    </row>
    <row r="400" spans="1:32" ht="18.75" customHeight="1" x14ac:dyDescent="0.15">
      <c r="A400" s="127"/>
      <c r="B400" s="128"/>
      <c r="C400" s="219" t="s">
        <v>318</v>
      </c>
      <c r="D400" s="113" t="s">
        <v>11</v>
      </c>
      <c r="E400" s="116" t="s">
        <v>327</v>
      </c>
      <c r="F400" s="230"/>
      <c r="G400" s="322"/>
      <c r="H400" s="226" t="s">
        <v>85</v>
      </c>
      <c r="I400" s="143" t="s">
        <v>11</v>
      </c>
      <c r="J400" s="144" t="s">
        <v>25</v>
      </c>
      <c r="K400" s="144"/>
      <c r="L400" s="147" t="s">
        <v>11</v>
      </c>
      <c r="M400" s="144" t="s">
        <v>86</v>
      </c>
      <c r="N400" s="144"/>
      <c r="O400" s="147" t="s">
        <v>11</v>
      </c>
      <c r="P400" s="144" t="s">
        <v>87</v>
      </c>
      <c r="Q400" s="200"/>
      <c r="R400" s="147" t="s">
        <v>11</v>
      </c>
      <c r="S400" s="144" t="s">
        <v>88</v>
      </c>
      <c r="T400" s="200"/>
      <c r="U400" s="200"/>
      <c r="V400" s="200"/>
      <c r="W400" s="200"/>
      <c r="X400" s="201"/>
      <c r="Y400" s="141"/>
      <c r="Z400" s="135"/>
      <c r="AA400" s="135"/>
      <c r="AB400" s="136"/>
      <c r="AC400" s="141"/>
      <c r="AD400" s="135"/>
      <c r="AE400" s="135"/>
      <c r="AF400" s="136"/>
    </row>
    <row r="401" spans="1:32" ht="18.75" customHeight="1" x14ac:dyDescent="0.15">
      <c r="A401" s="127"/>
      <c r="B401" s="128"/>
      <c r="C401" s="129"/>
      <c r="D401" s="113" t="s">
        <v>11</v>
      </c>
      <c r="E401" s="116" t="s">
        <v>328</v>
      </c>
      <c r="F401" s="131"/>
      <c r="G401" s="132"/>
      <c r="H401" s="395" t="s">
        <v>37</v>
      </c>
      <c r="I401" s="164" t="s">
        <v>11</v>
      </c>
      <c r="J401" s="153" t="s">
        <v>25</v>
      </c>
      <c r="K401" s="153"/>
      <c r="L401" s="165"/>
      <c r="M401" s="166"/>
      <c r="N401" s="166"/>
      <c r="O401" s="165"/>
      <c r="P401" s="166"/>
      <c r="Q401" s="167"/>
      <c r="R401" s="165"/>
      <c r="S401" s="166"/>
      <c r="T401" s="167"/>
      <c r="U401" s="168" t="s">
        <v>11</v>
      </c>
      <c r="V401" s="153" t="s">
        <v>38</v>
      </c>
      <c r="W401" s="169"/>
      <c r="X401" s="170"/>
      <c r="Y401" s="244"/>
      <c r="Z401" s="244"/>
      <c r="AA401" s="244"/>
      <c r="AB401" s="136"/>
      <c r="AC401" s="141"/>
      <c r="AD401" s="244"/>
      <c r="AE401" s="244"/>
      <c r="AF401" s="136"/>
    </row>
    <row r="402" spans="1:32" ht="18.75" customHeight="1" x14ac:dyDescent="0.15">
      <c r="A402" s="127"/>
      <c r="B402" s="128"/>
      <c r="C402" s="129"/>
      <c r="D402" s="130"/>
      <c r="E402" s="116"/>
      <c r="F402" s="131"/>
      <c r="G402" s="132"/>
      <c r="H402" s="395"/>
      <c r="I402" s="113" t="s">
        <v>11</v>
      </c>
      <c r="J402" s="243" t="s">
        <v>39</v>
      </c>
      <c r="K402" s="243"/>
      <c r="L402" s="245"/>
      <c r="M402" s="245" t="s">
        <v>11</v>
      </c>
      <c r="N402" s="243" t="s">
        <v>40</v>
      </c>
      <c r="O402" s="245"/>
      <c r="P402" s="245"/>
      <c r="Q402" s="245" t="s">
        <v>11</v>
      </c>
      <c r="R402" s="243" t="s">
        <v>41</v>
      </c>
      <c r="S402" s="246"/>
      <c r="T402" s="243"/>
      <c r="U402" s="245" t="s">
        <v>11</v>
      </c>
      <c r="V402" s="243" t="s">
        <v>42</v>
      </c>
      <c r="W402" s="247"/>
      <c r="X402" s="134"/>
      <c r="Y402" s="244"/>
      <c r="Z402" s="244"/>
      <c r="AA402" s="244"/>
      <c r="AB402" s="136"/>
      <c r="AC402" s="141"/>
      <c r="AD402" s="244"/>
      <c r="AE402" s="244"/>
      <c r="AF402" s="136"/>
    </row>
    <row r="403" spans="1:32" ht="18.75" customHeight="1" x14ac:dyDescent="0.15">
      <c r="A403" s="127"/>
      <c r="B403" s="128"/>
      <c r="C403" s="129"/>
      <c r="D403" s="130"/>
      <c r="E403" s="116"/>
      <c r="F403" s="131"/>
      <c r="G403" s="132"/>
      <c r="H403" s="395"/>
      <c r="I403" s="113" t="s">
        <v>11</v>
      </c>
      <c r="J403" s="243" t="s">
        <v>43</v>
      </c>
      <c r="K403" s="243"/>
      <c r="L403" s="245"/>
      <c r="M403" s="245" t="s">
        <v>11</v>
      </c>
      <c r="N403" s="243" t="s">
        <v>44</v>
      </c>
      <c r="O403" s="245"/>
      <c r="P403" s="245"/>
      <c r="Q403" s="245" t="s">
        <v>11</v>
      </c>
      <c r="R403" s="243" t="s">
        <v>45</v>
      </c>
      <c r="S403" s="246"/>
      <c r="T403" s="243"/>
      <c r="U403" s="245" t="s">
        <v>11</v>
      </c>
      <c r="V403" s="243" t="s">
        <v>46</v>
      </c>
      <c r="W403" s="247"/>
      <c r="X403" s="134"/>
      <c r="Y403" s="244"/>
      <c r="Z403" s="244"/>
      <c r="AA403" s="244"/>
      <c r="AB403" s="136"/>
      <c r="AC403" s="141"/>
      <c r="AD403" s="244"/>
      <c r="AE403" s="244"/>
      <c r="AF403" s="136"/>
    </row>
    <row r="404" spans="1:32" ht="18.75" customHeight="1" x14ac:dyDescent="0.15">
      <c r="A404" s="127"/>
      <c r="B404" s="128"/>
      <c r="C404" s="129"/>
      <c r="D404" s="130"/>
      <c r="E404" s="116"/>
      <c r="F404" s="131"/>
      <c r="G404" s="132"/>
      <c r="H404" s="395"/>
      <c r="I404" s="113" t="s">
        <v>11</v>
      </c>
      <c r="J404" s="243" t="s">
        <v>47</v>
      </c>
      <c r="K404" s="243"/>
      <c r="L404" s="245"/>
      <c r="M404" s="245" t="s">
        <v>11</v>
      </c>
      <c r="N404" s="243" t="s">
        <v>48</v>
      </c>
      <c r="O404" s="245"/>
      <c r="P404" s="245"/>
      <c r="Q404" s="245" t="s">
        <v>11</v>
      </c>
      <c r="R404" s="243" t="s">
        <v>49</v>
      </c>
      <c r="S404" s="246"/>
      <c r="T404" s="243"/>
      <c r="U404" s="245" t="s">
        <v>11</v>
      </c>
      <c r="V404" s="243" t="s">
        <v>50</v>
      </c>
      <c r="W404" s="247"/>
      <c r="X404" s="134"/>
      <c r="Y404" s="244"/>
      <c r="Z404" s="244"/>
      <c r="AA404" s="244"/>
      <c r="AB404" s="136"/>
      <c r="AC404" s="141"/>
      <c r="AD404" s="244"/>
      <c r="AE404" s="244"/>
      <c r="AF404" s="136"/>
    </row>
    <row r="405" spans="1:32" ht="18.75" customHeight="1" x14ac:dyDescent="0.15">
      <c r="A405" s="127"/>
      <c r="B405" s="128"/>
      <c r="C405" s="129"/>
      <c r="D405" s="130"/>
      <c r="E405" s="116"/>
      <c r="F405" s="131"/>
      <c r="G405" s="132"/>
      <c r="H405" s="395"/>
      <c r="I405" s="113" t="s">
        <v>11</v>
      </c>
      <c r="J405" s="243" t="s">
        <v>51</v>
      </c>
      <c r="K405" s="243"/>
      <c r="L405" s="245"/>
      <c r="M405" s="245" t="s">
        <v>11</v>
      </c>
      <c r="N405" s="243" t="s">
        <v>52</v>
      </c>
      <c r="O405" s="245"/>
      <c r="P405" s="245"/>
      <c r="Q405" s="245" t="s">
        <v>11</v>
      </c>
      <c r="R405" s="243" t="s">
        <v>53</v>
      </c>
      <c r="S405" s="246"/>
      <c r="T405" s="243"/>
      <c r="U405" s="245" t="s">
        <v>11</v>
      </c>
      <c r="V405" s="243" t="s">
        <v>54</v>
      </c>
      <c r="W405" s="247"/>
      <c r="X405" s="134"/>
      <c r="Y405" s="244"/>
      <c r="Z405" s="244"/>
      <c r="AA405" s="244"/>
      <c r="AB405" s="136"/>
      <c r="AC405" s="141"/>
      <c r="AD405" s="244"/>
      <c r="AE405" s="244"/>
      <c r="AF405" s="136"/>
    </row>
    <row r="406" spans="1:32" ht="18.75" customHeight="1" x14ac:dyDescent="0.15">
      <c r="A406" s="171"/>
      <c r="B406" s="172"/>
      <c r="C406" s="173"/>
      <c r="D406" s="174"/>
      <c r="E406" s="175"/>
      <c r="F406" s="176"/>
      <c r="G406" s="177"/>
      <c r="H406" s="459"/>
      <c r="I406" s="178" t="s">
        <v>11</v>
      </c>
      <c r="J406" s="179" t="s">
        <v>55</v>
      </c>
      <c r="K406" s="179"/>
      <c r="L406" s="180"/>
      <c r="M406" s="180"/>
      <c r="N406" s="179"/>
      <c r="O406" s="180"/>
      <c r="P406" s="180"/>
      <c r="Q406" s="180"/>
      <c r="R406" s="179"/>
      <c r="S406" s="181"/>
      <c r="T406" s="179"/>
      <c r="U406" s="180"/>
      <c r="V406" s="179"/>
      <c r="W406" s="182"/>
      <c r="X406" s="183"/>
      <c r="Y406" s="184"/>
      <c r="Z406" s="184"/>
      <c r="AA406" s="184"/>
      <c r="AB406" s="185"/>
      <c r="AC406" s="186"/>
      <c r="AD406" s="184"/>
      <c r="AE406" s="184"/>
      <c r="AF406" s="185"/>
    </row>
    <row r="407" spans="1:32" ht="20.25" customHeight="1" x14ac:dyDescent="0.15">
      <c r="A407" s="248"/>
      <c r="B407" s="248"/>
      <c r="C407" s="246"/>
      <c r="D407" s="246"/>
      <c r="E407" s="246"/>
      <c r="F407" s="246"/>
      <c r="G407" s="247"/>
      <c r="H407" s="246"/>
      <c r="I407" s="246"/>
      <c r="J407" s="246"/>
      <c r="K407" s="246"/>
      <c r="L407" s="246"/>
      <c r="M407" s="246"/>
      <c r="N407" s="246"/>
      <c r="O407" s="246"/>
      <c r="P407" s="246"/>
      <c r="Q407" s="246"/>
      <c r="R407" s="246"/>
      <c r="S407" s="246"/>
      <c r="T407" s="246"/>
      <c r="U407" s="246"/>
      <c r="V407" s="246"/>
      <c r="W407" s="246"/>
      <c r="X407" s="246"/>
      <c r="Y407" s="246"/>
      <c r="Z407" s="246"/>
      <c r="AA407" s="246"/>
      <c r="AB407" s="246"/>
      <c r="AC407" s="246"/>
      <c r="AD407" s="246"/>
      <c r="AE407" s="246"/>
      <c r="AF407" s="246"/>
    </row>
    <row r="408" spans="1:32" ht="20.25" customHeight="1" x14ac:dyDescent="0.15">
      <c r="A408" s="476" t="s">
        <v>151</v>
      </c>
      <c r="B408" s="476"/>
      <c r="C408" s="476"/>
      <c r="D408" s="476"/>
      <c r="E408" s="476"/>
      <c r="F408" s="476"/>
      <c r="G408" s="476"/>
      <c r="H408" s="476"/>
      <c r="I408" s="476"/>
      <c r="J408" s="476"/>
      <c r="K408" s="476"/>
      <c r="L408" s="476"/>
      <c r="M408" s="476"/>
      <c r="N408" s="476"/>
      <c r="O408" s="476"/>
      <c r="P408" s="476"/>
      <c r="Q408" s="476"/>
      <c r="R408" s="476"/>
      <c r="S408" s="476"/>
      <c r="T408" s="476"/>
      <c r="U408" s="476"/>
      <c r="V408" s="476"/>
      <c r="W408" s="476"/>
      <c r="X408" s="476"/>
      <c r="Y408" s="476"/>
      <c r="Z408" s="476"/>
      <c r="AA408" s="476"/>
      <c r="AB408" s="476"/>
      <c r="AC408" s="476"/>
      <c r="AD408" s="476"/>
      <c r="AE408" s="476"/>
      <c r="AF408" s="476"/>
    </row>
    <row r="409" spans="1:32" ht="20.25" customHeight="1" x14ac:dyDescent="0.15">
      <c r="A409" s="105"/>
      <c r="B409" s="105"/>
      <c r="C409" s="101"/>
      <c r="D409" s="101"/>
      <c r="E409" s="101"/>
      <c r="F409" s="101"/>
      <c r="G409" s="133"/>
      <c r="H409" s="101"/>
      <c r="I409" s="101"/>
      <c r="J409" s="101"/>
      <c r="K409" s="101"/>
      <c r="L409" s="101"/>
      <c r="M409" s="101"/>
      <c r="N409" s="101"/>
      <c r="O409" s="101"/>
      <c r="P409" s="101"/>
      <c r="Q409" s="101"/>
      <c r="R409" s="101"/>
      <c r="S409" s="101"/>
      <c r="T409" s="101"/>
      <c r="U409" s="101"/>
      <c r="V409" s="101"/>
      <c r="W409" s="101"/>
      <c r="X409" s="101"/>
      <c r="Y409" s="101"/>
      <c r="Z409" s="101"/>
      <c r="AA409" s="101"/>
      <c r="AB409" s="101"/>
      <c r="AC409" s="101"/>
      <c r="AD409" s="101"/>
      <c r="AE409" s="101"/>
      <c r="AF409" s="101"/>
    </row>
    <row r="410" spans="1:32" ht="30" customHeight="1" x14ac:dyDescent="0.15">
      <c r="A410" s="105"/>
      <c r="B410" s="105"/>
      <c r="C410" s="101"/>
      <c r="D410" s="101"/>
      <c r="E410" s="101"/>
      <c r="F410" s="101"/>
      <c r="G410" s="133"/>
      <c r="H410" s="101"/>
      <c r="I410" s="101"/>
      <c r="J410" s="101"/>
      <c r="K410" s="101"/>
      <c r="L410" s="101"/>
      <c r="M410" s="101"/>
      <c r="N410" s="101"/>
      <c r="O410" s="101"/>
      <c r="P410" s="101"/>
      <c r="Q410" s="101"/>
      <c r="R410" s="101"/>
      <c r="S410" s="388" t="s">
        <v>2</v>
      </c>
      <c r="T410" s="388"/>
      <c r="U410" s="388"/>
      <c r="V410" s="388"/>
      <c r="W410" s="106"/>
      <c r="X410" s="107"/>
      <c r="Y410" s="107"/>
      <c r="Z410" s="107"/>
      <c r="AA410" s="107"/>
      <c r="AB410" s="107"/>
      <c r="AC410" s="107"/>
      <c r="AD410" s="107"/>
      <c r="AE410" s="107"/>
      <c r="AF410" s="108"/>
    </row>
    <row r="411" spans="1:32" ht="20.25" customHeight="1" x14ac:dyDescent="0.15">
      <c r="A411" s="105"/>
      <c r="B411" s="105"/>
      <c r="C411" s="101"/>
      <c r="D411" s="101"/>
      <c r="E411" s="101"/>
      <c r="F411" s="101"/>
      <c r="G411" s="133"/>
      <c r="H411" s="101"/>
      <c r="I411" s="101"/>
      <c r="J411" s="101"/>
      <c r="K411" s="101"/>
      <c r="L411" s="101"/>
      <c r="M411" s="101"/>
      <c r="N411" s="101"/>
      <c r="O411" s="101"/>
      <c r="P411" s="101"/>
      <c r="Q411" s="101"/>
      <c r="R411" s="101"/>
      <c r="S411" s="101"/>
      <c r="T411" s="101"/>
      <c r="U411" s="101"/>
      <c r="V411" s="101"/>
      <c r="W411" s="101"/>
      <c r="X411" s="101"/>
      <c r="Y411" s="101"/>
      <c r="Z411" s="101"/>
      <c r="AA411" s="101"/>
      <c r="AB411" s="101"/>
      <c r="AC411" s="101"/>
      <c r="AD411" s="101"/>
      <c r="AE411" s="101"/>
      <c r="AF411" s="101"/>
    </row>
    <row r="412" spans="1:32" ht="18" customHeight="1" x14ac:dyDescent="0.15">
      <c r="A412" s="388" t="s">
        <v>152</v>
      </c>
      <c r="B412" s="388"/>
      <c r="C412" s="388"/>
      <c r="D412" s="388" t="s">
        <v>4</v>
      </c>
      <c r="E412" s="388"/>
      <c r="F412" s="457" t="s">
        <v>5</v>
      </c>
      <c r="G412" s="457"/>
      <c r="H412" s="388" t="s">
        <v>6</v>
      </c>
      <c r="I412" s="388"/>
      <c r="J412" s="388"/>
      <c r="K412" s="388"/>
      <c r="L412" s="388"/>
      <c r="M412" s="388"/>
      <c r="N412" s="388"/>
      <c r="O412" s="388"/>
      <c r="P412" s="388"/>
      <c r="Q412" s="388"/>
      <c r="R412" s="388"/>
      <c r="S412" s="388"/>
      <c r="T412" s="388"/>
      <c r="U412" s="388"/>
      <c r="V412" s="388"/>
      <c r="W412" s="388"/>
      <c r="X412" s="388"/>
      <c r="Y412" s="388"/>
      <c r="Z412" s="388"/>
      <c r="AA412" s="388"/>
      <c r="AB412" s="388"/>
      <c r="AC412" s="388"/>
      <c r="AD412" s="388"/>
      <c r="AE412" s="388"/>
      <c r="AF412" s="458"/>
    </row>
    <row r="413" spans="1:32" ht="18.75" customHeight="1" x14ac:dyDescent="0.15">
      <c r="A413" s="399" t="s">
        <v>9</v>
      </c>
      <c r="B413" s="399"/>
      <c r="C413" s="460"/>
      <c r="D413" s="249"/>
      <c r="E413" s="211"/>
      <c r="F413" s="120"/>
      <c r="G413" s="253"/>
      <c r="H413" s="405" t="s">
        <v>10</v>
      </c>
      <c r="I413" s="194" t="s">
        <v>11</v>
      </c>
      <c r="J413" s="110" t="s">
        <v>12</v>
      </c>
      <c r="K413" s="110"/>
      <c r="L413" s="110"/>
      <c r="M413" s="123" t="s">
        <v>11</v>
      </c>
      <c r="N413" s="110" t="s">
        <v>13</v>
      </c>
      <c r="O413" s="110"/>
      <c r="P413" s="110"/>
      <c r="Q413" s="123" t="s">
        <v>11</v>
      </c>
      <c r="R413" s="110" t="s">
        <v>14</v>
      </c>
      <c r="S413" s="110"/>
      <c r="T413" s="110"/>
      <c r="U413" s="123" t="s">
        <v>11</v>
      </c>
      <c r="V413" s="110" t="s">
        <v>15</v>
      </c>
      <c r="W413" s="110"/>
      <c r="X413" s="110"/>
      <c r="Y413" s="110"/>
      <c r="Z413" s="110"/>
      <c r="AA413" s="110"/>
      <c r="AB413" s="110"/>
      <c r="AC413" s="110"/>
      <c r="AD413" s="110"/>
      <c r="AE413" s="110"/>
      <c r="AF413" s="122"/>
    </row>
    <row r="414" spans="1:32" ht="18.75" customHeight="1" x14ac:dyDescent="0.15">
      <c r="A414" s="388"/>
      <c r="B414" s="388"/>
      <c r="C414" s="458"/>
      <c r="D414" s="251"/>
      <c r="E414" s="213"/>
      <c r="F414" s="174"/>
      <c r="G414" s="183"/>
      <c r="H414" s="405"/>
      <c r="I414" s="178" t="s">
        <v>11</v>
      </c>
      <c r="J414" s="179" t="s">
        <v>16</v>
      </c>
      <c r="K414" s="179"/>
      <c r="L414" s="179"/>
      <c r="M414" s="180" t="s">
        <v>11</v>
      </c>
      <c r="N414" s="179" t="s">
        <v>17</v>
      </c>
      <c r="O414" s="179"/>
      <c r="P414" s="179"/>
      <c r="Q414" s="180" t="s">
        <v>11</v>
      </c>
      <c r="R414" s="179" t="s">
        <v>18</v>
      </c>
      <c r="S414" s="179"/>
      <c r="T414" s="179"/>
      <c r="U414" s="180" t="s">
        <v>11</v>
      </c>
      <c r="V414" s="179" t="s">
        <v>19</v>
      </c>
      <c r="W414" s="179"/>
      <c r="X414" s="179"/>
      <c r="Y414" s="181"/>
      <c r="Z414" s="181"/>
      <c r="AA414" s="181"/>
      <c r="AB414" s="181"/>
      <c r="AC414" s="181"/>
      <c r="AD414" s="181"/>
      <c r="AE414" s="181"/>
      <c r="AF414" s="213"/>
    </row>
    <row r="415" spans="1:32" ht="19.5" customHeight="1" x14ac:dyDescent="0.15">
      <c r="A415" s="127"/>
      <c r="B415" s="128"/>
      <c r="C415" s="129"/>
      <c r="D415" s="130"/>
      <c r="E415" s="116"/>
      <c r="F415" s="131"/>
      <c r="G415" s="132"/>
      <c r="H415" s="231" t="s">
        <v>22</v>
      </c>
      <c r="I415" s="143" t="s">
        <v>11</v>
      </c>
      <c r="J415" s="144" t="s">
        <v>23</v>
      </c>
      <c r="K415" s="145"/>
      <c r="L415" s="146"/>
      <c r="M415" s="147" t="s">
        <v>11</v>
      </c>
      <c r="N415" s="144" t="s">
        <v>24</v>
      </c>
      <c r="O415" s="147"/>
      <c r="P415" s="144"/>
      <c r="Q415" s="148"/>
      <c r="R415" s="148"/>
      <c r="S415" s="148"/>
      <c r="T415" s="148"/>
      <c r="U415" s="148"/>
      <c r="V415" s="148"/>
      <c r="W415" s="148"/>
      <c r="X415" s="148"/>
      <c r="Y415" s="148"/>
      <c r="Z415" s="148"/>
      <c r="AA415" s="148"/>
      <c r="AB415" s="148"/>
      <c r="AC415" s="148"/>
      <c r="AD415" s="148"/>
      <c r="AE415" s="148"/>
      <c r="AF415" s="255"/>
    </row>
    <row r="416" spans="1:32" ht="18.75" customHeight="1" x14ac:dyDescent="0.15">
      <c r="A416" s="127"/>
      <c r="B416" s="128"/>
      <c r="C416" s="254"/>
      <c r="D416" s="131"/>
      <c r="E416" s="301"/>
      <c r="F416" s="131"/>
      <c r="G416" s="238"/>
      <c r="H416" s="380" t="s">
        <v>62</v>
      </c>
      <c r="I416" s="381" t="s">
        <v>11</v>
      </c>
      <c r="J416" s="374" t="s">
        <v>25</v>
      </c>
      <c r="K416" s="375"/>
      <c r="L416" s="377" t="s">
        <v>11</v>
      </c>
      <c r="M416" s="374" t="s">
        <v>29</v>
      </c>
      <c r="N416" s="375"/>
      <c r="O416" s="378"/>
      <c r="P416" s="378"/>
      <c r="Q416" s="378"/>
      <c r="R416" s="378"/>
      <c r="S416" s="378"/>
      <c r="T416" s="378"/>
      <c r="U416" s="378"/>
      <c r="V416" s="378"/>
      <c r="W416" s="378"/>
      <c r="X416" s="378"/>
      <c r="Y416" s="378"/>
      <c r="Z416" s="378"/>
      <c r="AA416" s="378"/>
      <c r="AB416" s="378"/>
      <c r="AC416" s="378"/>
      <c r="AD416" s="378"/>
      <c r="AE416" s="378"/>
      <c r="AF416" s="382"/>
    </row>
    <row r="417" spans="1:32" ht="18.75" customHeight="1" x14ac:dyDescent="0.15">
      <c r="A417" s="127"/>
      <c r="B417" s="128"/>
      <c r="C417" s="254"/>
      <c r="D417" s="131"/>
      <c r="E417" s="116"/>
      <c r="F417" s="131"/>
      <c r="G417" s="238"/>
      <c r="H417" s="478" t="s">
        <v>63</v>
      </c>
      <c r="I417" s="479" t="s">
        <v>11</v>
      </c>
      <c r="J417" s="418" t="s">
        <v>31</v>
      </c>
      <c r="K417" s="418"/>
      <c r="L417" s="418"/>
      <c r="M417" s="479" t="s">
        <v>11</v>
      </c>
      <c r="N417" s="418" t="s">
        <v>32</v>
      </c>
      <c r="O417" s="418"/>
      <c r="P417" s="418"/>
      <c r="Q417" s="133"/>
      <c r="R417" s="133"/>
      <c r="S417" s="133"/>
      <c r="T417" s="133"/>
      <c r="U417" s="133"/>
      <c r="V417" s="133"/>
      <c r="W417" s="133"/>
      <c r="X417" s="133"/>
      <c r="Y417" s="133"/>
      <c r="Z417" s="133"/>
      <c r="AA417" s="133"/>
      <c r="AB417" s="133"/>
      <c r="AC417" s="133"/>
      <c r="AD417" s="133"/>
      <c r="AE417" s="133"/>
      <c r="AF417" s="134"/>
    </row>
    <row r="418" spans="1:32" ht="18.75" customHeight="1" x14ac:dyDescent="0.15">
      <c r="A418" s="127"/>
      <c r="B418" s="128"/>
      <c r="C418" s="219"/>
      <c r="D418" s="131"/>
      <c r="E418" s="116"/>
      <c r="F418" s="131"/>
      <c r="G418" s="238"/>
      <c r="H418" s="478"/>
      <c r="I418" s="479"/>
      <c r="J418" s="418"/>
      <c r="K418" s="418"/>
      <c r="L418" s="418"/>
      <c r="M418" s="479"/>
      <c r="N418" s="418"/>
      <c r="O418" s="418"/>
      <c r="P418" s="418"/>
      <c r="Q418" s="139"/>
      <c r="R418" s="139"/>
      <c r="S418" s="139"/>
      <c r="T418" s="139"/>
      <c r="U418" s="139"/>
      <c r="V418" s="139"/>
      <c r="W418" s="139"/>
      <c r="X418" s="139"/>
      <c r="Y418" s="139"/>
      <c r="Z418" s="139"/>
      <c r="AA418" s="139"/>
      <c r="AB418" s="139"/>
      <c r="AC418" s="139"/>
      <c r="AD418" s="139"/>
      <c r="AE418" s="139"/>
      <c r="AF418" s="140"/>
    </row>
    <row r="419" spans="1:32" ht="18.75" customHeight="1" x14ac:dyDescent="0.15">
      <c r="A419" s="127"/>
      <c r="B419" s="128"/>
      <c r="C419" s="219"/>
      <c r="D419" s="131"/>
      <c r="E419" s="116"/>
      <c r="F419" s="131"/>
      <c r="G419" s="238"/>
      <c r="H419" s="477" t="s">
        <v>64</v>
      </c>
      <c r="I419" s="436" t="s">
        <v>11</v>
      </c>
      <c r="J419" s="421" t="s">
        <v>31</v>
      </c>
      <c r="K419" s="421"/>
      <c r="L419" s="421"/>
      <c r="M419" s="436" t="s">
        <v>11</v>
      </c>
      <c r="N419" s="421" t="s">
        <v>32</v>
      </c>
      <c r="O419" s="421"/>
      <c r="P419" s="421"/>
      <c r="Q419" s="169"/>
      <c r="R419" s="169"/>
      <c r="S419" s="169"/>
      <c r="T419" s="169"/>
      <c r="U419" s="169"/>
      <c r="V419" s="169"/>
      <c r="W419" s="169"/>
      <c r="X419" s="169"/>
      <c r="Y419" s="169"/>
      <c r="Z419" s="169"/>
      <c r="AA419" s="169"/>
      <c r="AB419" s="169"/>
      <c r="AC419" s="169"/>
      <c r="AD419" s="169"/>
      <c r="AE419" s="169"/>
      <c r="AF419" s="170"/>
    </row>
    <row r="420" spans="1:32" ht="18.75" customHeight="1" x14ac:dyDescent="0.15">
      <c r="A420" s="113" t="s">
        <v>11</v>
      </c>
      <c r="B420" s="128">
        <v>76</v>
      </c>
      <c r="C420" s="219" t="s">
        <v>368</v>
      </c>
      <c r="D420" s="113" t="s">
        <v>11</v>
      </c>
      <c r="E420" s="116" t="s">
        <v>281</v>
      </c>
      <c r="F420" s="131"/>
      <c r="G420" s="238"/>
      <c r="H420" s="477"/>
      <c r="I420" s="436"/>
      <c r="J420" s="421"/>
      <c r="K420" s="421"/>
      <c r="L420" s="421"/>
      <c r="M420" s="436"/>
      <c r="N420" s="421"/>
      <c r="O420" s="421"/>
      <c r="P420" s="421"/>
      <c r="Q420" s="139"/>
      <c r="R420" s="139"/>
      <c r="S420" s="139"/>
      <c r="T420" s="139"/>
      <c r="U420" s="139"/>
      <c r="V420" s="139"/>
      <c r="W420" s="139"/>
      <c r="X420" s="139"/>
      <c r="Y420" s="139"/>
      <c r="Z420" s="139"/>
      <c r="AA420" s="139"/>
      <c r="AB420" s="139"/>
      <c r="AC420" s="139"/>
      <c r="AD420" s="139"/>
      <c r="AE420" s="139"/>
      <c r="AF420" s="140"/>
    </row>
    <row r="421" spans="1:32" ht="18.75" customHeight="1" x14ac:dyDescent="0.15">
      <c r="A421" s="127"/>
      <c r="B421" s="128"/>
      <c r="C421" s="219" t="s">
        <v>282</v>
      </c>
      <c r="D421" s="113" t="s">
        <v>11</v>
      </c>
      <c r="E421" s="116" t="s">
        <v>283</v>
      </c>
      <c r="F421" s="131"/>
      <c r="G421" s="238"/>
      <c r="H421" s="226" t="s">
        <v>277</v>
      </c>
      <c r="I421" s="143" t="s">
        <v>11</v>
      </c>
      <c r="J421" s="144" t="s">
        <v>25</v>
      </c>
      <c r="K421" s="145"/>
      <c r="L421" s="147" t="s">
        <v>11</v>
      </c>
      <c r="M421" s="144" t="s">
        <v>56</v>
      </c>
      <c r="N421" s="144"/>
      <c r="O421" s="168" t="s">
        <v>11</v>
      </c>
      <c r="P421" s="153" t="s">
        <v>57</v>
      </c>
      <c r="Q421" s="144"/>
      <c r="R421" s="144"/>
      <c r="S421" s="145"/>
      <c r="T421" s="145"/>
      <c r="U421" s="145"/>
      <c r="V421" s="145"/>
      <c r="W421" s="145"/>
      <c r="X421" s="145"/>
      <c r="Y421" s="144"/>
      <c r="Z421" s="144"/>
      <c r="AA421" s="144"/>
      <c r="AB421" s="144"/>
      <c r="AC421" s="144"/>
      <c r="AD421" s="144"/>
      <c r="AE421" s="144"/>
      <c r="AF421" s="151"/>
    </row>
    <row r="422" spans="1:32" ht="18.75" customHeight="1" x14ac:dyDescent="0.15">
      <c r="A422" s="127"/>
      <c r="B422" s="128"/>
      <c r="C422" s="219"/>
      <c r="D422" s="131"/>
      <c r="E422" s="116"/>
      <c r="F422" s="131"/>
      <c r="G422" s="238"/>
      <c r="H422" s="323" t="s">
        <v>278</v>
      </c>
      <c r="I422" s="143" t="s">
        <v>11</v>
      </c>
      <c r="J422" s="144" t="s">
        <v>58</v>
      </c>
      <c r="K422" s="145"/>
      <c r="L422" s="200"/>
      <c r="M422" s="147" t="s">
        <v>11</v>
      </c>
      <c r="N422" s="144" t="s">
        <v>59</v>
      </c>
      <c r="O422" s="148"/>
      <c r="P422" s="148"/>
      <c r="Q422" s="148"/>
      <c r="R422" s="144"/>
      <c r="S422" s="144"/>
      <c r="T422" s="144"/>
      <c r="U422" s="144"/>
      <c r="V422" s="144"/>
      <c r="W422" s="144"/>
      <c r="X422" s="144"/>
      <c r="Y422" s="144"/>
      <c r="Z422" s="144"/>
      <c r="AA422" s="144"/>
      <c r="AB422" s="144"/>
      <c r="AC422" s="144"/>
      <c r="AD422" s="144"/>
      <c r="AE422" s="144"/>
      <c r="AF422" s="151"/>
    </row>
    <row r="423" spans="1:32" ht="18.75" customHeight="1" x14ac:dyDescent="0.15">
      <c r="A423" s="127"/>
      <c r="B423" s="128"/>
      <c r="C423" s="219"/>
      <c r="D423" s="131"/>
      <c r="E423" s="116"/>
      <c r="F423" s="131"/>
      <c r="G423" s="238"/>
      <c r="H423" s="323" t="s">
        <v>149</v>
      </c>
      <c r="I423" s="143" t="s">
        <v>11</v>
      </c>
      <c r="J423" s="144" t="s">
        <v>25</v>
      </c>
      <c r="K423" s="145"/>
      <c r="L423" s="147" t="s">
        <v>11</v>
      </c>
      <c r="M423" s="144" t="s">
        <v>29</v>
      </c>
      <c r="N423" s="200"/>
      <c r="O423" s="144"/>
      <c r="P423" s="144"/>
      <c r="Q423" s="144"/>
      <c r="R423" s="144"/>
      <c r="S423" s="144"/>
      <c r="T423" s="144"/>
      <c r="U423" s="144"/>
      <c r="V423" s="144"/>
      <c r="W423" s="144"/>
      <c r="X423" s="144"/>
      <c r="Y423" s="144"/>
      <c r="Z423" s="144"/>
      <c r="AA423" s="144"/>
      <c r="AB423" s="144"/>
      <c r="AC423" s="144"/>
      <c r="AD423" s="144"/>
      <c r="AE423" s="144"/>
      <c r="AF423" s="151"/>
    </row>
    <row r="424" spans="1:32" ht="18.75" customHeight="1" x14ac:dyDescent="0.15">
      <c r="A424" s="127"/>
      <c r="B424" s="128"/>
      <c r="C424" s="219"/>
      <c r="D424" s="131"/>
      <c r="E424" s="116"/>
      <c r="F424" s="131"/>
      <c r="G424" s="238"/>
      <c r="H424" s="226" t="s">
        <v>279</v>
      </c>
      <c r="I424" s="143" t="s">
        <v>11</v>
      </c>
      <c r="J424" s="144" t="s">
        <v>25</v>
      </c>
      <c r="K424" s="145"/>
      <c r="L424" s="147" t="s">
        <v>11</v>
      </c>
      <c r="M424" s="144" t="s">
        <v>56</v>
      </c>
      <c r="N424" s="144"/>
      <c r="O424" s="168" t="s">
        <v>11</v>
      </c>
      <c r="P424" s="153" t="s">
        <v>57</v>
      </c>
      <c r="Q424" s="144"/>
      <c r="R424" s="144"/>
      <c r="S424" s="145"/>
      <c r="T424" s="144"/>
      <c r="U424" s="145"/>
      <c r="V424" s="145"/>
      <c r="W424" s="145"/>
      <c r="X424" s="145"/>
      <c r="Y424" s="144"/>
      <c r="Z424" s="144"/>
      <c r="AA424" s="144"/>
      <c r="AB424" s="144"/>
      <c r="AC424" s="144"/>
      <c r="AD424" s="144"/>
      <c r="AE424" s="144"/>
      <c r="AF424" s="151"/>
    </row>
    <row r="425" spans="1:32" ht="18.75" customHeight="1" x14ac:dyDescent="0.15">
      <c r="A425" s="127"/>
      <c r="B425" s="128"/>
      <c r="C425" s="219"/>
      <c r="D425" s="131"/>
      <c r="E425" s="116"/>
      <c r="F425" s="131"/>
      <c r="G425" s="238"/>
      <c r="H425" s="323" t="s">
        <v>36</v>
      </c>
      <c r="I425" s="143" t="s">
        <v>11</v>
      </c>
      <c r="J425" s="144" t="s">
        <v>25</v>
      </c>
      <c r="K425" s="144"/>
      <c r="L425" s="147" t="s">
        <v>11</v>
      </c>
      <c r="M425" s="144" t="s">
        <v>26</v>
      </c>
      <c r="N425" s="144"/>
      <c r="O425" s="147" t="s">
        <v>11</v>
      </c>
      <c r="P425" s="144" t="s">
        <v>27</v>
      </c>
      <c r="Q425" s="200"/>
      <c r="R425" s="200"/>
      <c r="S425" s="200"/>
      <c r="T425" s="200"/>
      <c r="U425" s="144"/>
      <c r="V425" s="144"/>
      <c r="W425" s="144"/>
      <c r="X425" s="144"/>
      <c r="Y425" s="144"/>
      <c r="Z425" s="144"/>
      <c r="AA425" s="144"/>
      <c r="AB425" s="144"/>
      <c r="AC425" s="144"/>
      <c r="AD425" s="144"/>
      <c r="AE425" s="144"/>
      <c r="AF425" s="151"/>
    </row>
    <row r="426" spans="1:32" ht="19.5" customHeight="1" x14ac:dyDescent="0.15">
      <c r="A426" s="171"/>
      <c r="B426" s="172"/>
      <c r="C426" s="173"/>
      <c r="D426" s="174"/>
      <c r="E426" s="175"/>
      <c r="F426" s="176"/>
      <c r="G426" s="177"/>
      <c r="H426" s="171" t="s">
        <v>35</v>
      </c>
      <c r="I426" s="178" t="s">
        <v>11</v>
      </c>
      <c r="J426" s="179" t="s">
        <v>25</v>
      </c>
      <c r="K426" s="179"/>
      <c r="L426" s="180" t="s">
        <v>11</v>
      </c>
      <c r="M426" s="179" t="s">
        <v>29</v>
      </c>
      <c r="N426" s="179"/>
      <c r="O426" s="182"/>
      <c r="P426" s="179"/>
      <c r="Q426" s="182"/>
      <c r="R426" s="182"/>
      <c r="S426" s="182"/>
      <c r="T426" s="182"/>
      <c r="U426" s="182"/>
      <c r="V426" s="182"/>
      <c r="W426" s="182"/>
      <c r="X426" s="182"/>
      <c r="Y426" s="182"/>
      <c r="Z426" s="182"/>
      <c r="AA426" s="182"/>
      <c r="AB426" s="182"/>
      <c r="AC426" s="182"/>
      <c r="AD426" s="182"/>
      <c r="AE426" s="182"/>
      <c r="AF426" s="210"/>
    </row>
    <row r="427" spans="1:32" ht="19.5" customHeight="1" x14ac:dyDescent="0.15">
      <c r="A427" s="127"/>
      <c r="B427" s="128"/>
      <c r="C427" s="129"/>
      <c r="D427" s="130"/>
      <c r="E427" s="116"/>
      <c r="F427" s="131"/>
      <c r="G427" s="132"/>
      <c r="H427" s="231" t="s">
        <v>22</v>
      </c>
      <c r="I427" s="187" t="s">
        <v>11</v>
      </c>
      <c r="J427" s="188" t="s">
        <v>23</v>
      </c>
      <c r="K427" s="189"/>
      <c r="L427" s="190"/>
      <c r="M427" s="191" t="s">
        <v>11</v>
      </c>
      <c r="N427" s="188" t="s">
        <v>24</v>
      </c>
      <c r="O427" s="191"/>
      <c r="P427" s="188"/>
      <c r="Q427" s="192"/>
      <c r="R427" s="192"/>
      <c r="S427" s="192"/>
      <c r="T427" s="192"/>
      <c r="U427" s="192"/>
      <c r="V427" s="192"/>
      <c r="W427" s="192"/>
      <c r="X427" s="192"/>
      <c r="Y427" s="192"/>
      <c r="Z427" s="192"/>
      <c r="AA427" s="192"/>
      <c r="AB427" s="192"/>
      <c r="AC427" s="192"/>
      <c r="AD427" s="192"/>
      <c r="AE427" s="192"/>
      <c r="AF427" s="324"/>
    </row>
    <row r="428" spans="1:32" ht="18.75" customHeight="1" x14ac:dyDescent="0.15">
      <c r="A428" s="220" t="s">
        <v>11</v>
      </c>
      <c r="B428" s="128">
        <v>71</v>
      </c>
      <c r="C428" s="254" t="s">
        <v>285</v>
      </c>
      <c r="D428" s="220" t="s">
        <v>11</v>
      </c>
      <c r="E428" s="301" t="s">
        <v>107</v>
      </c>
      <c r="F428" s="131"/>
      <c r="G428" s="238"/>
      <c r="H428" s="325" t="s">
        <v>284</v>
      </c>
      <c r="I428" s="137" t="s">
        <v>11</v>
      </c>
      <c r="J428" s="155" t="s">
        <v>58</v>
      </c>
      <c r="K428" s="160"/>
      <c r="L428" s="138"/>
      <c r="M428" s="196" t="s">
        <v>11</v>
      </c>
      <c r="N428" s="155" t="s">
        <v>59</v>
      </c>
      <c r="O428" s="139"/>
      <c r="P428" s="139"/>
      <c r="Q428" s="139"/>
      <c r="R428" s="155"/>
      <c r="S428" s="155"/>
      <c r="T428" s="155"/>
      <c r="U428" s="155"/>
      <c r="V428" s="155"/>
      <c r="W428" s="155"/>
      <c r="X428" s="155"/>
      <c r="Y428" s="155"/>
      <c r="Z428" s="155"/>
      <c r="AA428" s="155"/>
      <c r="AB428" s="155"/>
      <c r="AC428" s="155"/>
      <c r="AD428" s="155"/>
      <c r="AE428" s="155"/>
      <c r="AF428" s="156"/>
    </row>
    <row r="429" spans="1:32" ht="18.75" customHeight="1" x14ac:dyDescent="0.15">
      <c r="A429" s="127"/>
      <c r="B429" s="128"/>
      <c r="C429" s="219"/>
      <c r="D429" s="220" t="s">
        <v>11</v>
      </c>
      <c r="E429" s="301" t="s">
        <v>106</v>
      </c>
      <c r="F429" s="131"/>
      <c r="G429" s="238"/>
      <c r="H429" s="323" t="s">
        <v>62</v>
      </c>
      <c r="I429" s="143" t="s">
        <v>11</v>
      </c>
      <c r="J429" s="144" t="s">
        <v>25</v>
      </c>
      <c r="K429" s="145"/>
      <c r="L429" s="147" t="s">
        <v>11</v>
      </c>
      <c r="M429" s="144" t="s">
        <v>29</v>
      </c>
      <c r="N429" s="200"/>
      <c r="O429" s="144"/>
      <c r="P429" s="144"/>
      <c r="Q429" s="144"/>
      <c r="R429" s="144"/>
      <c r="S429" s="144"/>
      <c r="T429" s="144"/>
      <c r="U429" s="144"/>
      <c r="V429" s="144"/>
      <c r="W429" s="144"/>
      <c r="X429" s="144"/>
      <c r="Y429" s="144"/>
      <c r="Z429" s="144"/>
      <c r="AA429" s="144"/>
      <c r="AB429" s="144"/>
      <c r="AC429" s="144"/>
      <c r="AD429" s="144"/>
      <c r="AE429" s="144"/>
      <c r="AF429" s="151"/>
    </row>
    <row r="430" spans="1:32" ht="18.75" customHeight="1" x14ac:dyDescent="0.15">
      <c r="A430" s="276"/>
      <c r="B430" s="128"/>
      <c r="C430" s="159"/>
      <c r="D430" s="101"/>
      <c r="E430" s="101"/>
      <c r="F430" s="131"/>
      <c r="G430" s="238"/>
      <c r="H430" s="477" t="s">
        <v>63</v>
      </c>
      <c r="I430" s="436" t="s">
        <v>11</v>
      </c>
      <c r="J430" s="421" t="s">
        <v>31</v>
      </c>
      <c r="K430" s="421"/>
      <c r="L430" s="421"/>
      <c r="M430" s="436" t="s">
        <v>11</v>
      </c>
      <c r="N430" s="421" t="s">
        <v>32</v>
      </c>
      <c r="O430" s="421"/>
      <c r="P430" s="421"/>
      <c r="Q430" s="169"/>
      <c r="R430" s="169"/>
      <c r="S430" s="169"/>
      <c r="T430" s="169"/>
      <c r="U430" s="169"/>
      <c r="V430" s="169"/>
      <c r="W430" s="169"/>
      <c r="X430" s="169"/>
      <c r="Y430" s="169"/>
      <c r="Z430" s="169"/>
      <c r="AA430" s="169"/>
      <c r="AB430" s="169"/>
      <c r="AC430" s="169"/>
      <c r="AD430" s="169"/>
      <c r="AE430" s="169"/>
      <c r="AF430" s="170"/>
    </row>
    <row r="431" spans="1:32" ht="18.75" customHeight="1" x14ac:dyDescent="0.15">
      <c r="A431" s="276"/>
      <c r="B431" s="128"/>
      <c r="C431" s="159"/>
      <c r="D431" s="101"/>
      <c r="E431" s="101"/>
      <c r="F431" s="131"/>
      <c r="G431" s="238"/>
      <c r="H431" s="477"/>
      <c r="I431" s="436"/>
      <c r="J431" s="421"/>
      <c r="K431" s="421"/>
      <c r="L431" s="421"/>
      <c r="M431" s="436"/>
      <c r="N431" s="421"/>
      <c r="O431" s="421"/>
      <c r="P431" s="421"/>
      <c r="Q431" s="139"/>
      <c r="R431" s="139"/>
      <c r="S431" s="139"/>
      <c r="T431" s="139"/>
      <c r="U431" s="139"/>
      <c r="V431" s="139"/>
      <c r="W431" s="139"/>
      <c r="X431" s="139"/>
      <c r="Y431" s="139"/>
      <c r="Z431" s="139"/>
      <c r="AA431" s="139"/>
      <c r="AB431" s="139"/>
      <c r="AC431" s="139"/>
      <c r="AD431" s="139"/>
      <c r="AE431" s="139"/>
      <c r="AF431" s="140"/>
    </row>
    <row r="432" spans="1:32" ht="18.75" customHeight="1" x14ac:dyDescent="0.15">
      <c r="A432" s="171"/>
      <c r="B432" s="250"/>
      <c r="C432" s="175"/>
      <c r="D432" s="299"/>
      <c r="E432" s="175"/>
      <c r="F432" s="176"/>
      <c r="G432" s="234"/>
      <c r="H432" s="364" t="s">
        <v>36</v>
      </c>
      <c r="I432" s="207" t="s">
        <v>11</v>
      </c>
      <c r="J432" s="208" t="s">
        <v>25</v>
      </c>
      <c r="K432" s="208"/>
      <c r="L432" s="209" t="s">
        <v>11</v>
      </c>
      <c r="M432" s="208" t="s">
        <v>26</v>
      </c>
      <c r="N432" s="208"/>
      <c r="O432" s="209" t="s">
        <v>11</v>
      </c>
      <c r="P432" s="208" t="s">
        <v>27</v>
      </c>
      <c r="Q432" s="329"/>
      <c r="R432" s="329"/>
      <c r="S432" s="208"/>
      <c r="T432" s="208"/>
      <c r="U432" s="208"/>
      <c r="V432" s="208"/>
      <c r="W432" s="208"/>
      <c r="X432" s="208"/>
      <c r="Y432" s="208"/>
      <c r="Z432" s="208"/>
      <c r="AA432" s="208"/>
      <c r="AB432" s="208"/>
      <c r="AC432" s="208"/>
      <c r="AD432" s="208"/>
      <c r="AE432" s="208"/>
      <c r="AF432" s="258"/>
    </row>
    <row r="433" spans="1:32" ht="19.5" customHeight="1" x14ac:dyDescent="0.15">
      <c r="A433" s="127"/>
      <c r="B433" s="128"/>
      <c r="C433" s="129"/>
      <c r="D433" s="130"/>
      <c r="E433" s="116"/>
      <c r="F433" s="131"/>
      <c r="G433" s="132"/>
      <c r="H433" s="320" t="s">
        <v>66</v>
      </c>
      <c r="I433" s="158" t="s">
        <v>11</v>
      </c>
      <c r="J433" s="155" t="s">
        <v>25</v>
      </c>
      <c r="K433" s="155"/>
      <c r="L433" s="199"/>
      <c r="M433" s="196" t="s">
        <v>11</v>
      </c>
      <c r="N433" s="155" t="s">
        <v>67</v>
      </c>
      <c r="O433" s="155"/>
      <c r="P433" s="199"/>
      <c r="Q433" s="196" t="s">
        <v>11</v>
      </c>
      <c r="R433" s="154" t="s">
        <v>68</v>
      </c>
      <c r="S433" s="154"/>
      <c r="T433" s="154"/>
      <c r="U433" s="139"/>
      <c r="V433" s="139"/>
      <c r="W433" s="139"/>
      <c r="X433" s="139"/>
      <c r="Y433" s="139"/>
      <c r="Z433" s="139"/>
      <c r="AA433" s="139"/>
      <c r="AB433" s="139"/>
      <c r="AC433" s="139"/>
      <c r="AD433" s="139"/>
      <c r="AE433" s="139"/>
      <c r="AF433" s="326"/>
    </row>
    <row r="434" spans="1:32" ht="19.5" customHeight="1" x14ac:dyDescent="0.15">
      <c r="A434" s="113"/>
      <c r="B434" s="128"/>
      <c r="C434" s="219"/>
      <c r="D434" s="113"/>
      <c r="E434" s="116"/>
      <c r="F434" s="131"/>
      <c r="G434" s="132"/>
      <c r="H434" s="373" t="s">
        <v>69</v>
      </c>
      <c r="I434" s="370" t="s">
        <v>11</v>
      </c>
      <c r="J434" s="374" t="s">
        <v>23</v>
      </c>
      <c r="K434" s="375"/>
      <c r="L434" s="376"/>
      <c r="M434" s="377" t="s">
        <v>11</v>
      </c>
      <c r="N434" s="374" t="s">
        <v>24</v>
      </c>
      <c r="O434" s="377"/>
      <c r="P434" s="374"/>
      <c r="Q434" s="378"/>
      <c r="R434" s="378"/>
      <c r="S434" s="378"/>
      <c r="T434" s="378"/>
      <c r="U434" s="378"/>
      <c r="V434" s="378"/>
      <c r="W434" s="378"/>
      <c r="X434" s="378"/>
      <c r="Y434" s="378"/>
      <c r="Z434" s="378"/>
      <c r="AA434" s="378"/>
      <c r="AB434" s="378"/>
      <c r="AC434" s="378"/>
      <c r="AD434" s="378"/>
      <c r="AE434" s="378"/>
      <c r="AF434" s="379"/>
    </row>
    <row r="435" spans="1:32" ht="18.75" customHeight="1" x14ac:dyDescent="0.15">
      <c r="A435" s="127"/>
      <c r="B435" s="128"/>
      <c r="C435" s="219"/>
      <c r="D435" s="113"/>
      <c r="E435" s="116"/>
      <c r="F435" s="131"/>
      <c r="G435" s="238"/>
      <c r="H435" s="320" t="s">
        <v>22</v>
      </c>
      <c r="I435" s="300" t="s">
        <v>11</v>
      </c>
      <c r="J435" s="155" t="s">
        <v>23</v>
      </c>
      <c r="K435" s="160"/>
      <c r="L435" s="199"/>
      <c r="M435" s="369" t="s">
        <v>11</v>
      </c>
      <c r="N435" s="155" t="s">
        <v>24</v>
      </c>
      <c r="O435" s="369"/>
      <c r="P435" s="155"/>
      <c r="Q435" s="139"/>
      <c r="R435" s="139"/>
      <c r="S435" s="139"/>
      <c r="T435" s="138"/>
      <c r="U435" s="138"/>
      <c r="V435" s="155"/>
      <c r="W435" s="155"/>
      <c r="X435" s="155"/>
      <c r="Y435" s="155"/>
      <c r="Z435" s="155"/>
      <c r="AA435" s="155"/>
      <c r="AB435" s="155"/>
      <c r="AC435" s="155"/>
      <c r="AD435" s="155"/>
      <c r="AE435" s="155"/>
      <c r="AF435" s="156"/>
    </row>
    <row r="436" spans="1:32" ht="18.75" customHeight="1" x14ac:dyDescent="0.15">
      <c r="A436" s="220" t="s">
        <v>11</v>
      </c>
      <c r="B436" s="128">
        <v>78</v>
      </c>
      <c r="C436" s="254" t="s">
        <v>369</v>
      </c>
      <c r="D436" s="220" t="s">
        <v>11</v>
      </c>
      <c r="E436" s="301" t="s">
        <v>370</v>
      </c>
      <c r="F436" s="131"/>
      <c r="G436" s="238"/>
      <c r="H436" s="197" t="s">
        <v>71</v>
      </c>
      <c r="I436" s="143" t="s">
        <v>11</v>
      </c>
      <c r="J436" s="144" t="s">
        <v>58</v>
      </c>
      <c r="K436" s="145"/>
      <c r="L436" s="200"/>
      <c r="M436" s="147" t="s">
        <v>11</v>
      </c>
      <c r="N436" s="144" t="s">
        <v>59</v>
      </c>
      <c r="O436" s="148"/>
      <c r="P436" s="148"/>
      <c r="Q436" s="148"/>
      <c r="R436" s="144"/>
      <c r="S436" s="144"/>
      <c r="T436" s="144"/>
      <c r="U436" s="144"/>
      <c r="V436" s="144"/>
      <c r="W436" s="144"/>
      <c r="X436" s="144"/>
      <c r="Y436" s="144"/>
      <c r="Z436" s="144"/>
      <c r="AA436" s="144"/>
      <c r="AB436" s="144"/>
      <c r="AC436" s="144"/>
      <c r="AD436" s="144"/>
      <c r="AE436" s="144"/>
      <c r="AF436" s="151"/>
    </row>
    <row r="437" spans="1:32" ht="18.75" customHeight="1" x14ac:dyDescent="0.15">
      <c r="A437" s="127"/>
      <c r="B437" s="128"/>
      <c r="C437" s="219"/>
      <c r="D437" s="131"/>
      <c r="E437" s="116"/>
      <c r="F437" s="131"/>
      <c r="G437" s="238"/>
      <c r="H437" s="477" t="s">
        <v>72</v>
      </c>
      <c r="I437" s="480" t="s">
        <v>11</v>
      </c>
      <c r="J437" s="421" t="s">
        <v>25</v>
      </c>
      <c r="K437" s="421"/>
      <c r="L437" s="436" t="s">
        <v>11</v>
      </c>
      <c r="M437" s="421" t="s">
        <v>29</v>
      </c>
      <c r="N437" s="421"/>
      <c r="O437" s="153"/>
      <c r="P437" s="153"/>
      <c r="Q437" s="153"/>
      <c r="R437" s="153"/>
      <c r="S437" s="153"/>
      <c r="T437" s="153"/>
      <c r="U437" s="153"/>
      <c r="V437" s="153"/>
      <c r="W437" s="153"/>
      <c r="X437" s="153"/>
      <c r="Y437" s="153"/>
      <c r="Z437" s="153"/>
      <c r="AA437" s="153"/>
      <c r="AB437" s="153"/>
      <c r="AC437" s="153"/>
      <c r="AD437" s="153"/>
      <c r="AE437" s="153"/>
      <c r="AF437" s="157"/>
    </row>
    <row r="438" spans="1:32" ht="18.75" customHeight="1" x14ac:dyDescent="0.15">
      <c r="A438" s="127"/>
      <c r="B438" s="128"/>
      <c r="C438" s="219"/>
      <c r="D438" s="131"/>
      <c r="E438" s="116"/>
      <c r="F438" s="131"/>
      <c r="G438" s="238"/>
      <c r="H438" s="477"/>
      <c r="I438" s="480"/>
      <c r="J438" s="421"/>
      <c r="K438" s="421"/>
      <c r="L438" s="436"/>
      <c r="M438" s="421"/>
      <c r="N438" s="421"/>
      <c r="O438" s="155"/>
      <c r="P438" s="155"/>
      <c r="Q438" s="155"/>
      <c r="R438" s="155"/>
      <c r="S438" s="155"/>
      <c r="T438" s="155"/>
      <c r="U438" s="155"/>
      <c r="V438" s="155"/>
      <c r="W438" s="155"/>
      <c r="X438" s="155"/>
      <c r="Y438" s="155"/>
      <c r="Z438" s="155"/>
      <c r="AA438" s="155"/>
      <c r="AB438" s="155"/>
      <c r="AC438" s="155"/>
      <c r="AD438" s="155"/>
      <c r="AE438" s="155"/>
      <c r="AF438" s="156"/>
    </row>
    <row r="439" spans="1:32" ht="18.75" customHeight="1" x14ac:dyDescent="0.15">
      <c r="A439" s="127"/>
      <c r="B439" s="128"/>
      <c r="C439" s="219"/>
      <c r="D439" s="131"/>
      <c r="E439" s="116"/>
      <c r="F439" s="131"/>
      <c r="G439" s="238"/>
      <c r="H439" s="477" t="s">
        <v>73</v>
      </c>
      <c r="I439" s="480" t="s">
        <v>11</v>
      </c>
      <c r="J439" s="421" t="s">
        <v>25</v>
      </c>
      <c r="K439" s="421"/>
      <c r="L439" s="436" t="s">
        <v>11</v>
      </c>
      <c r="M439" s="421" t="s">
        <v>29</v>
      </c>
      <c r="N439" s="421"/>
      <c r="O439" s="153"/>
      <c r="P439" s="153"/>
      <c r="Q439" s="153"/>
      <c r="R439" s="153"/>
      <c r="S439" s="153"/>
      <c r="T439" s="153"/>
      <c r="U439" s="153"/>
      <c r="V439" s="153"/>
      <c r="W439" s="153"/>
      <c r="X439" s="153"/>
      <c r="Y439" s="153"/>
      <c r="Z439" s="153"/>
      <c r="AA439" s="153"/>
      <c r="AB439" s="153"/>
      <c r="AC439" s="153"/>
      <c r="AD439" s="153"/>
      <c r="AE439" s="153"/>
      <c r="AF439" s="157"/>
    </row>
    <row r="440" spans="1:32" ht="18.75" customHeight="1" x14ac:dyDescent="0.15">
      <c r="A440" s="127"/>
      <c r="B440" s="128"/>
      <c r="C440" s="219"/>
      <c r="D440" s="131"/>
      <c r="E440" s="116"/>
      <c r="F440" s="131"/>
      <c r="G440" s="238"/>
      <c r="H440" s="477"/>
      <c r="I440" s="480"/>
      <c r="J440" s="421"/>
      <c r="K440" s="421"/>
      <c r="L440" s="436"/>
      <c r="M440" s="421"/>
      <c r="N440" s="421"/>
      <c r="O440" s="155"/>
      <c r="P440" s="155"/>
      <c r="Q440" s="155"/>
      <c r="R440" s="155"/>
      <c r="S440" s="155"/>
      <c r="T440" s="155"/>
      <c r="U440" s="155"/>
      <c r="V440" s="155"/>
      <c r="W440" s="155"/>
      <c r="X440" s="155"/>
      <c r="Y440" s="155"/>
      <c r="Z440" s="155"/>
      <c r="AA440" s="155"/>
      <c r="AB440" s="155"/>
      <c r="AC440" s="155"/>
      <c r="AD440" s="155"/>
      <c r="AE440" s="155"/>
      <c r="AF440" s="156"/>
    </row>
    <row r="441" spans="1:32" ht="18.75" customHeight="1" x14ac:dyDescent="0.15">
      <c r="A441" s="127"/>
      <c r="B441" s="128"/>
      <c r="C441" s="219"/>
      <c r="D441" s="131"/>
      <c r="E441" s="116"/>
      <c r="F441" s="131"/>
      <c r="G441" s="238"/>
      <c r="H441" s="477" t="s">
        <v>74</v>
      </c>
      <c r="I441" s="480" t="s">
        <v>11</v>
      </c>
      <c r="J441" s="421" t="s">
        <v>25</v>
      </c>
      <c r="K441" s="421"/>
      <c r="L441" s="436" t="s">
        <v>11</v>
      </c>
      <c r="M441" s="421" t="s">
        <v>29</v>
      </c>
      <c r="N441" s="421"/>
      <c r="O441" s="153"/>
      <c r="P441" s="153"/>
      <c r="Q441" s="153"/>
      <c r="R441" s="153"/>
      <c r="S441" s="153"/>
      <c r="T441" s="153"/>
      <c r="U441" s="153"/>
      <c r="V441" s="153"/>
      <c r="W441" s="153"/>
      <c r="X441" s="153"/>
      <c r="Y441" s="153"/>
      <c r="Z441" s="153"/>
      <c r="AA441" s="153"/>
      <c r="AB441" s="153"/>
      <c r="AC441" s="153"/>
      <c r="AD441" s="153"/>
      <c r="AE441" s="153"/>
      <c r="AF441" s="157"/>
    </row>
    <row r="442" spans="1:32" ht="18.75" customHeight="1" x14ac:dyDescent="0.15">
      <c r="A442" s="127"/>
      <c r="B442" s="128"/>
      <c r="C442" s="219"/>
      <c r="D442" s="131"/>
      <c r="E442" s="116"/>
      <c r="F442" s="131"/>
      <c r="G442" s="238"/>
      <c r="H442" s="477"/>
      <c r="I442" s="480"/>
      <c r="J442" s="421"/>
      <c r="K442" s="421"/>
      <c r="L442" s="436"/>
      <c r="M442" s="421"/>
      <c r="N442" s="421"/>
      <c r="O442" s="155"/>
      <c r="P442" s="155"/>
      <c r="Q442" s="155"/>
      <c r="R442" s="155"/>
      <c r="S442" s="155"/>
      <c r="T442" s="155"/>
      <c r="U442" s="155"/>
      <c r="V442" s="155"/>
      <c r="W442" s="155"/>
      <c r="X442" s="155"/>
      <c r="Y442" s="155"/>
      <c r="Z442" s="155"/>
      <c r="AA442" s="155"/>
      <c r="AB442" s="155"/>
      <c r="AC442" s="155"/>
      <c r="AD442" s="155"/>
      <c r="AE442" s="155"/>
      <c r="AF442" s="156"/>
    </row>
    <row r="443" spans="1:32" ht="18.75" customHeight="1" x14ac:dyDescent="0.15">
      <c r="A443" s="127"/>
      <c r="B443" s="128"/>
      <c r="C443" s="219"/>
      <c r="D443" s="131"/>
      <c r="E443" s="116"/>
      <c r="F443" s="131"/>
      <c r="G443" s="238"/>
      <c r="H443" s="477" t="s">
        <v>75</v>
      </c>
      <c r="I443" s="480" t="s">
        <v>11</v>
      </c>
      <c r="J443" s="421" t="s">
        <v>25</v>
      </c>
      <c r="K443" s="421"/>
      <c r="L443" s="436" t="s">
        <v>11</v>
      </c>
      <c r="M443" s="421" t="s">
        <v>29</v>
      </c>
      <c r="N443" s="421"/>
      <c r="O443" s="153"/>
      <c r="P443" s="153"/>
      <c r="Q443" s="153"/>
      <c r="R443" s="153"/>
      <c r="S443" s="153"/>
      <c r="T443" s="153"/>
      <c r="U443" s="153"/>
      <c r="V443" s="153"/>
      <c r="W443" s="153"/>
      <c r="X443" s="153"/>
      <c r="Y443" s="153"/>
      <c r="Z443" s="153"/>
      <c r="AA443" s="153"/>
      <c r="AB443" s="153"/>
      <c r="AC443" s="153"/>
      <c r="AD443" s="153"/>
      <c r="AE443" s="153"/>
      <c r="AF443" s="157"/>
    </row>
    <row r="444" spans="1:32" ht="18.75" customHeight="1" x14ac:dyDescent="0.15">
      <c r="A444" s="127"/>
      <c r="B444" s="128"/>
      <c r="C444" s="254"/>
      <c r="D444" s="131"/>
      <c r="E444" s="301"/>
      <c r="F444" s="131"/>
      <c r="G444" s="238"/>
      <c r="H444" s="477"/>
      <c r="I444" s="480"/>
      <c r="J444" s="421"/>
      <c r="K444" s="421"/>
      <c r="L444" s="436"/>
      <c r="M444" s="421"/>
      <c r="N444" s="421"/>
      <c r="O444" s="179"/>
      <c r="P444" s="179"/>
      <c r="Q444" s="179"/>
      <c r="R444" s="179"/>
      <c r="S444" s="179"/>
      <c r="T444" s="179"/>
      <c r="U444" s="179"/>
      <c r="V444" s="179"/>
      <c r="W444" s="179"/>
      <c r="X444" s="179"/>
      <c r="Y444" s="179"/>
      <c r="Z444" s="179"/>
      <c r="AA444" s="179"/>
      <c r="AB444" s="179"/>
      <c r="AC444" s="179"/>
      <c r="AD444" s="179"/>
      <c r="AE444" s="179"/>
      <c r="AF444" s="177"/>
    </row>
    <row r="445" spans="1:32" ht="18.75" customHeight="1" x14ac:dyDescent="0.15">
      <c r="A445" s="276"/>
      <c r="B445" s="128"/>
      <c r="C445" s="269"/>
      <c r="D445" s="130"/>
      <c r="E445" s="277"/>
      <c r="F445" s="131"/>
      <c r="G445" s="238"/>
      <c r="H445" s="231" t="s">
        <v>96</v>
      </c>
      <c r="I445" s="187" t="s">
        <v>11</v>
      </c>
      <c r="J445" s="188" t="s">
        <v>25</v>
      </c>
      <c r="K445" s="189"/>
      <c r="L445" s="191" t="s">
        <v>11</v>
      </c>
      <c r="M445" s="188" t="s">
        <v>29</v>
      </c>
      <c r="N445" s="217"/>
      <c r="O445" s="155"/>
      <c r="P445" s="155"/>
      <c r="Q445" s="155"/>
      <c r="R445" s="155"/>
      <c r="S445" s="155"/>
      <c r="T445" s="155"/>
      <c r="U445" s="155"/>
      <c r="V445" s="155"/>
      <c r="W445" s="155"/>
      <c r="X445" s="155"/>
      <c r="Y445" s="155"/>
      <c r="Z445" s="155"/>
      <c r="AA445" s="155"/>
      <c r="AB445" s="155"/>
      <c r="AC445" s="155"/>
      <c r="AD445" s="155"/>
      <c r="AE445" s="155"/>
      <c r="AF445" s="156"/>
    </row>
    <row r="446" spans="1:32" ht="18.75" customHeight="1" x14ac:dyDescent="0.15">
      <c r="A446" s="127"/>
      <c r="B446" s="128"/>
      <c r="C446" s="219"/>
      <c r="D446" s="131"/>
      <c r="E446" s="116"/>
      <c r="F446" s="131"/>
      <c r="G446" s="238"/>
      <c r="H446" s="221" t="s">
        <v>77</v>
      </c>
      <c r="I446" s="143" t="s">
        <v>11</v>
      </c>
      <c r="J446" s="144" t="s">
        <v>25</v>
      </c>
      <c r="K446" s="144"/>
      <c r="L446" s="147" t="s">
        <v>11</v>
      </c>
      <c r="M446" s="144" t="s">
        <v>26</v>
      </c>
      <c r="N446" s="144"/>
      <c r="O446" s="147" t="s">
        <v>11</v>
      </c>
      <c r="P446" s="144" t="s">
        <v>27</v>
      </c>
      <c r="Q446" s="200"/>
      <c r="R446" s="200"/>
      <c r="S446" s="257"/>
      <c r="T446" s="257"/>
      <c r="U446" s="257"/>
      <c r="V446" s="257"/>
      <c r="W446" s="257"/>
      <c r="X446" s="257"/>
      <c r="Y446" s="257"/>
      <c r="Z446" s="257"/>
      <c r="AA446" s="257"/>
      <c r="AB446" s="257"/>
      <c r="AC446" s="257"/>
      <c r="AD446" s="257"/>
      <c r="AE446" s="257"/>
      <c r="AF446" s="327"/>
    </row>
    <row r="447" spans="1:32" ht="18.75" customHeight="1" x14ac:dyDescent="0.15">
      <c r="A447" s="127"/>
      <c r="B447" s="128"/>
      <c r="C447" s="219"/>
      <c r="D447" s="131"/>
      <c r="E447" s="116"/>
      <c r="F447" s="131"/>
      <c r="G447" s="238"/>
      <c r="H447" s="221" t="s">
        <v>90</v>
      </c>
      <c r="I447" s="143" t="s">
        <v>11</v>
      </c>
      <c r="J447" s="144" t="s">
        <v>25</v>
      </c>
      <c r="K447" s="145"/>
      <c r="L447" s="147" t="s">
        <v>11</v>
      </c>
      <c r="M447" s="144" t="s">
        <v>29</v>
      </c>
      <c r="N447" s="200"/>
      <c r="O447" s="144"/>
      <c r="P447" s="144"/>
      <c r="Q447" s="144"/>
      <c r="R447" s="144"/>
      <c r="S447" s="144"/>
      <c r="T447" s="144"/>
      <c r="U447" s="144"/>
      <c r="V447" s="144"/>
      <c r="W447" s="144"/>
      <c r="X447" s="144"/>
      <c r="Y447" s="144"/>
      <c r="Z447" s="144"/>
      <c r="AA447" s="144"/>
      <c r="AB447" s="144"/>
      <c r="AC447" s="144"/>
      <c r="AD447" s="144"/>
      <c r="AE447" s="144"/>
      <c r="AF447" s="151"/>
    </row>
    <row r="448" spans="1:32" ht="18.75" customHeight="1" x14ac:dyDescent="0.15">
      <c r="A448" s="127"/>
      <c r="B448" s="128"/>
      <c r="C448" s="219"/>
      <c r="D448" s="131"/>
      <c r="E448" s="116"/>
      <c r="F448" s="131"/>
      <c r="G448" s="238"/>
      <c r="H448" s="221" t="s">
        <v>97</v>
      </c>
      <c r="I448" s="143" t="s">
        <v>11</v>
      </c>
      <c r="J448" s="144" t="s">
        <v>25</v>
      </c>
      <c r="K448" s="144"/>
      <c r="L448" s="147" t="s">
        <v>11</v>
      </c>
      <c r="M448" s="144" t="s">
        <v>56</v>
      </c>
      <c r="N448" s="144"/>
      <c r="O448" s="147" t="s">
        <v>11</v>
      </c>
      <c r="P448" s="144" t="s">
        <v>57</v>
      </c>
      <c r="Q448" s="200"/>
      <c r="R448" s="200"/>
      <c r="S448" s="200"/>
      <c r="T448" s="144"/>
      <c r="U448" s="144"/>
      <c r="V448" s="144"/>
      <c r="W448" s="144"/>
      <c r="X448" s="144"/>
      <c r="Y448" s="144"/>
      <c r="Z448" s="144"/>
      <c r="AA448" s="144"/>
      <c r="AB448" s="144"/>
      <c r="AC448" s="144"/>
      <c r="AD448" s="144"/>
      <c r="AE448" s="144"/>
      <c r="AF448" s="151"/>
    </row>
    <row r="449" spans="1:33" ht="18.75" customHeight="1" x14ac:dyDescent="0.15">
      <c r="A449" s="127"/>
      <c r="B449" s="128"/>
      <c r="C449" s="219"/>
      <c r="D449" s="131"/>
      <c r="E449" s="116"/>
      <c r="F449" s="131"/>
      <c r="G449" s="238"/>
      <c r="H449" s="221" t="s">
        <v>153</v>
      </c>
      <c r="I449" s="143" t="s">
        <v>11</v>
      </c>
      <c r="J449" s="144" t="s">
        <v>25</v>
      </c>
      <c r="K449" s="144"/>
      <c r="L449" s="147" t="s">
        <v>11</v>
      </c>
      <c r="M449" s="144" t="s">
        <v>78</v>
      </c>
      <c r="N449" s="144"/>
      <c r="O449" s="144"/>
      <c r="P449" s="147" t="s">
        <v>11</v>
      </c>
      <c r="Q449" s="144" t="s">
        <v>79</v>
      </c>
      <c r="R449" s="144"/>
      <c r="S449" s="144"/>
      <c r="T449" s="144"/>
      <c r="U449" s="144"/>
      <c r="V449" s="144"/>
      <c r="W449" s="144"/>
      <c r="X449" s="144"/>
      <c r="Y449" s="144"/>
      <c r="Z449" s="144"/>
      <c r="AA449" s="144"/>
      <c r="AB449" s="144"/>
      <c r="AC449" s="144"/>
      <c r="AD449" s="144"/>
      <c r="AE449" s="144"/>
      <c r="AF449" s="151"/>
    </row>
    <row r="450" spans="1:33" ht="18.75" customHeight="1" x14ac:dyDescent="0.15">
      <c r="A450" s="113"/>
      <c r="B450" s="128"/>
      <c r="C450" s="219"/>
      <c r="D450" s="113"/>
      <c r="E450" s="116"/>
      <c r="F450" s="131"/>
      <c r="G450" s="238"/>
      <c r="H450" s="323" t="s">
        <v>154</v>
      </c>
      <c r="I450" s="143" t="s">
        <v>11</v>
      </c>
      <c r="J450" s="144" t="s">
        <v>25</v>
      </c>
      <c r="K450" s="145"/>
      <c r="L450" s="147" t="s">
        <v>11</v>
      </c>
      <c r="M450" s="144" t="s">
        <v>29</v>
      </c>
      <c r="N450" s="200"/>
      <c r="O450" s="144"/>
      <c r="P450" s="144"/>
      <c r="Q450" s="144"/>
      <c r="R450" s="144"/>
      <c r="S450" s="144"/>
      <c r="T450" s="144"/>
      <c r="U450" s="144"/>
      <c r="V450" s="144"/>
      <c r="W450" s="144"/>
      <c r="X450" s="144"/>
      <c r="Y450" s="144"/>
      <c r="Z450" s="144"/>
      <c r="AA450" s="144"/>
      <c r="AB450" s="144"/>
      <c r="AC450" s="144"/>
      <c r="AD450" s="144"/>
      <c r="AE450" s="144"/>
      <c r="AF450" s="151"/>
    </row>
    <row r="451" spans="1:33" ht="18.75" customHeight="1" x14ac:dyDescent="0.15">
      <c r="A451" s="127"/>
      <c r="B451" s="128"/>
      <c r="C451" s="219"/>
      <c r="D451" s="131"/>
      <c r="E451" s="116"/>
      <c r="F451" s="131"/>
      <c r="G451" s="238"/>
      <c r="H451" s="197" t="s">
        <v>80</v>
      </c>
      <c r="I451" s="143" t="s">
        <v>11</v>
      </c>
      <c r="J451" s="144" t="s">
        <v>25</v>
      </c>
      <c r="K451" s="145"/>
      <c r="L451" s="147" t="s">
        <v>11</v>
      </c>
      <c r="M451" s="144" t="s">
        <v>29</v>
      </c>
      <c r="N451" s="200"/>
      <c r="O451" s="144"/>
      <c r="P451" s="144"/>
      <c r="Q451" s="144"/>
      <c r="R451" s="144"/>
      <c r="S451" s="144"/>
      <c r="T451" s="144"/>
      <c r="U451" s="144"/>
      <c r="V451" s="144"/>
      <c r="W451" s="144"/>
      <c r="X451" s="144"/>
      <c r="Y451" s="144"/>
      <c r="Z451" s="144"/>
      <c r="AA451" s="144"/>
      <c r="AB451" s="144"/>
      <c r="AC451" s="144"/>
      <c r="AD451" s="144"/>
      <c r="AE451" s="144"/>
      <c r="AF451" s="151"/>
    </row>
    <row r="452" spans="1:33" ht="18.75" customHeight="1" x14ac:dyDescent="0.15">
      <c r="A452" s="127"/>
      <c r="B452" s="128"/>
      <c r="C452" s="219"/>
      <c r="D452" s="131"/>
      <c r="E452" s="116"/>
      <c r="F452" s="131"/>
      <c r="G452" s="238"/>
      <c r="H452" s="197" t="s">
        <v>81</v>
      </c>
      <c r="I452" s="143" t="s">
        <v>11</v>
      </c>
      <c r="J452" s="144" t="s">
        <v>25</v>
      </c>
      <c r="K452" s="145"/>
      <c r="L452" s="147" t="s">
        <v>11</v>
      </c>
      <c r="M452" s="144" t="s">
        <v>29</v>
      </c>
      <c r="N452" s="200"/>
      <c r="O452" s="144"/>
      <c r="P452" s="144"/>
      <c r="Q452" s="144"/>
      <c r="R452" s="144"/>
      <c r="S452" s="144"/>
      <c r="T452" s="144"/>
      <c r="U452" s="144"/>
      <c r="V452" s="144"/>
      <c r="W452" s="144"/>
      <c r="X452" s="144"/>
      <c r="Y452" s="144"/>
      <c r="Z452" s="144"/>
      <c r="AA452" s="144"/>
      <c r="AB452" s="144"/>
      <c r="AC452" s="144"/>
      <c r="AD452" s="144"/>
      <c r="AE452" s="144"/>
      <c r="AF452" s="151"/>
    </row>
    <row r="453" spans="1:33" ht="18.75" customHeight="1" x14ac:dyDescent="0.15">
      <c r="A453" s="127"/>
      <c r="B453" s="128"/>
      <c r="C453" s="219"/>
      <c r="D453" s="131"/>
      <c r="E453" s="116"/>
      <c r="F453" s="131"/>
      <c r="G453" s="238"/>
      <c r="H453" s="114" t="s">
        <v>82</v>
      </c>
      <c r="I453" s="143" t="s">
        <v>11</v>
      </c>
      <c r="J453" s="144" t="s">
        <v>25</v>
      </c>
      <c r="K453" s="145"/>
      <c r="L453" s="147" t="s">
        <v>11</v>
      </c>
      <c r="M453" s="144" t="s">
        <v>29</v>
      </c>
      <c r="N453" s="200"/>
      <c r="O453" s="144"/>
      <c r="P453" s="144"/>
      <c r="Q453" s="144"/>
      <c r="R453" s="144"/>
      <c r="S453" s="144"/>
      <c r="T453" s="144"/>
      <c r="U453" s="144"/>
      <c r="V453" s="144"/>
      <c r="W453" s="144"/>
      <c r="X453" s="144"/>
      <c r="Y453" s="144"/>
      <c r="Z453" s="144"/>
      <c r="AA453" s="144"/>
      <c r="AB453" s="144"/>
      <c r="AC453" s="144"/>
      <c r="AD453" s="144"/>
      <c r="AE453" s="144"/>
      <c r="AF453" s="151"/>
    </row>
    <row r="454" spans="1:33" ht="18.75" customHeight="1" x14ac:dyDescent="0.15">
      <c r="A454" s="127"/>
      <c r="B454" s="128"/>
      <c r="C454" s="219"/>
      <c r="D454" s="131"/>
      <c r="E454" s="116"/>
      <c r="F454" s="131"/>
      <c r="G454" s="238"/>
      <c r="H454" s="221" t="s">
        <v>83</v>
      </c>
      <c r="I454" s="143" t="s">
        <v>11</v>
      </c>
      <c r="J454" s="144" t="s">
        <v>25</v>
      </c>
      <c r="K454" s="145"/>
      <c r="L454" s="147" t="s">
        <v>11</v>
      </c>
      <c r="M454" s="144" t="s">
        <v>29</v>
      </c>
      <c r="N454" s="200"/>
      <c r="O454" s="144"/>
      <c r="P454" s="144"/>
      <c r="Q454" s="144"/>
      <c r="R454" s="144"/>
      <c r="S454" s="144"/>
      <c r="T454" s="144"/>
      <c r="U454" s="144"/>
      <c r="V454" s="144"/>
      <c r="W454" s="144"/>
      <c r="X454" s="144"/>
      <c r="Y454" s="144"/>
      <c r="Z454" s="144"/>
      <c r="AA454" s="144"/>
      <c r="AB454" s="144"/>
      <c r="AC454" s="144"/>
      <c r="AD454" s="144"/>
      <c r="AE454" s="144"/>
      <c r="AF454" s="151"/>
    </row>
    <row r="455" spans="1:33" ht="18.75" customHeight="1" x14ac:dyDescent="0.15">
      <c r="A455" s="171"/>
      <c r="B455" s="172"/>
      <c r="C455" s="270"/>
      <c r="D455" s="176"/>
      <c r="E455" s="175"/>
      <c r="F455" s="176"/>
      <c r="G455" s="234"/>
      <c r="H455" s="328" t="s">
        <v>84</v>
      </c>
      <c r="I455" s="207" t="s">
        <v>11</v>
      </c>
      <c r="J455" s="208" t="s">
        <v>25</v>
      </c>
      <c r="K455" s="215"/>
      <c r="L455" s="209" t="s">
        <v>11</v>
      </c>
      <c r="M455" s="208" t="s">
        <v>29</v>
      </c>
      <c r="N455" s="329"/>
      <c r="O455" s="208"/>
      <c r="P455" s="208"/>
      <c r="Q455" s="208"/>
      <c r="R455" s="208"/>
      <c r="S455" s="208"/>
      <c r="T455" s="208"/>
      <c r="U455" s="208"/>
      <c r="V455" s="208"/>
      <c r="W455" s="208"/>
      <c r="X455" s="208"/>
      <c r="Y455" s="208"/>
      <c r="Z455" s="208"/>
      <c r="AA455" s="208"/>
      <c r="AB455" s="208"/>
      <c r="AC455" s="208"/>
      <c r="AD455" s="208"/>
      <c r="AE455" s="208"/>
      <c r="AF455" s="258"/>
    </row>
    <row r="456" spans="1:33" ht="18.75" customHeight="1" x14ac:dyDescent="0.15">
      <c r="A456" s="330" t="s">
        <v>371</v>
      </c>
      <c r="B456" s="331" t="s">
        <v>371</v>
      </c>
      <c r="C456" s="332" t="s">
        <v>371</v>
      </c>
      <c r="D456" s="333" t="s">
        <v>371</v>
      </c>
      <c r="E456" s="332" t="s">
        <v>371</v>
      </c>
      <c r="F456" s="333" t="s">
        <v>371</v>
      </c>
      <c r="G456" s="334" t="s">
        <v>371</v>
      </c>
      <c r="H456" s="231" t="s">
        <v>66</v>
      </c>
      <c r="I456" s="306" t="s">
        <v>11</v>
      </c>
      <c r="J456" s="304" t="s">
        <v>292</v>
      </c>
      <c r="K456" s="304"/>
      <c r="L456" s="335" t="s">
        <v>371</v>
      </c>
      <c r="M456" s="189" t="s">
        <v>11</v>
      </c>
      <c r="N456" s="304" t="s">
        <v>372</v>
      </c>
      <c r="O456" s="304"/>
      <c r="P456" s="304"/>
      <c r="Q456" s="305" t="s">
        <v>11</v>
      </c>
      <c r="R456" s="304" t="s">
        <v>373</v>
      </c>
      <c r="S456" s="304"/>
      <c r="T456" s="304"/>
      <c r="U456" s="304" t="s">
        <v>371</v>
      </c>
      <c r="V456" s="188" t="s">
        <v>371</v>
      </c>
      <c r="W456" s="188" t="s">
        <v>371</v>
      </c>
      <c r="X456" s="188" t="s">
        <v>371</v>
      </c>
      <c r="Y456" s="188" t="s">
        <v>371</v>
      </c>
      <c r="Z456" s="188" t="s">
        <v>371</v>
      </c>
      <c r="AA456" s="188" t="s">
        <v>371</v>
      </c>
      <c r="AB456" s="188" t="s">
        <v>371</v>
      </c>
      <c r="AC456" s="188" t="s">
        <v>371</v>
      </c>
      <c r="AD456" s="188" t="s">
        <v>371</v>
      </c>
      <c r="AE456" s="188" t="s">
        <v>371</v>
      </c>
      <c r="AF456" s="256" t="s">
        <v>371</v>
      </c>
      <c r="AG456" s="3"/>
    </row>
    <row r="457" spans="1:33" ht="19.5" customHeight="1" x14ac:dyDescent="0.15">
      <c r="A457" s="127"/>
      <c r="B457" s="128"/>
      <c r="C457" s="129"/>
      <c r="D457" s="130"/>
      <c r="E457" s="116"/>
      <c r="F457" s="131"/>
      <c r="G457" s="132"/>
      <c r="H457" s="198" t="s">
        <v>22</v>
      </c>
      <c r="I457" s="137" t="s">
        <v>11</v>
      </c>
      <c r="J457" s="155" t="s">
        <v>23</v>
      </c>
      <c r="K457" s="160"/>
      <c r="L457" s="199"/>
      <c r="M457" s="196" t="s">
        <v>11</v>
      </c>
      <c r="N457" s="155" t="s">
        <v>24</v>
      </c>
      <c r="O457" s="196"/>
      <c r="P457" s="155"/>
      <c r="Q457" s="139"/>
      <c r="R457" s="139"/>
      <c r="S457" s="139"/>
      <c r="T457" s="139"/>
      <c r="U457" s="139"/>
      <c r="V457" s="139"/>
      <c r="W457" s="139"/>
      <c r="X457" s="139"/>
      <c r="Y457" s="139"/>
      <c r="Z457" s="139"/>
      <c r="AA457" s="139"/>
      <c r="AB457" s="139"/>
      <c r="AC457" s="139"/>
      <c r="AD457" s="139"/>
      <c r="AE457" s="139"/>
      <c r="AF457" s="326"/>
    </row>
    <row r="458" spans="1:33" ht="19.5" customHeight="1" x14ac:dyDescent="0.15">
      <c r="A458" s="127"/>
      <c r="B458" s="128"/>
      <c r="C458" s="129"/>
      <c r="D458" s="130"/>
      <c r="E458" s="116"/>
      <c r="F458" s="131"/>
      <c r="G458" s="132"/>
      <c r="H458" s="142" t="s">
        <v>69</v>
      </c>
      <c r="I458" s="143" t="s">
        <v>11</v>
      </c>
      <c r="J458" s="144" t="s">
        <v>23</v>
      </c>
      <c r="K458" s="145"/>
      <c r="L458" s="146"/>
      <c r="M458" s="147" t="s">
        <v>11</v>
      </c>
      <c r="N458" s="144" t="s">
        <v>24</v>
      </c>
      <c r="O458" s="147"/>
      <c r="P458" s="144"/>
      <c r="Q458" s="148"/>
      <c r="R458" s="148"/>
      <c r="S458" s="148"/>
      <c r="T458" s="148"/>
      <c r="U458" s="148"/>
      <c r="V458" s="148"/>
      <c r="W458" s="148"/>
      <c r="X458" s="148"/>
      <c r="Y458" s="148"/>
      <c r="Z458" s="148"/>
      <c r="AA458" s="148"/>
      <c r="AB458" s="148"/>
      <c r="AC458" s="148"/>
      <c r="AD458" s="148"/>
      <c r="AE458" s="148"/>
      <c r="AF458" s="255"/>
    </row>
    <row r="459" spans="1:33" ht="18.75" customHeight="1" x14ac:dyDescent="0.15">
      <c r="A459" s="127"/>
      <c r="B459" s="128"/>
      <c r="C459" s="219"/>
      <c r="D459" s="230"/>
      <c r="E459" s="116"/>
      <c r="F459" s="131"/>
      <c r="G459" s="238"/>
      <c r="H459" s="323" t="s">
        <v>71</v>
      </c>
      <c r="I459" s="143" t="s">
        <v>11</v>
      </c>
      <c r="J459" s="144" t="s">
        <v>58</v>
      </c>
      <c r="K459" s="145"/>
      <c r="L459" s="200"/>
      <c r="M459" s="147" t="s">
        <v>11</v>
      </c>
      <c r="N459" s="144" t="s">
        <v>59</v>
      </c>
      <c r="O459" s="148"/>
      <c r="P459" s="148"/>
      <c r="Q459" s="148"/>
      <c r="R459" s="144"/>
      <c r="S459" s="144"/>
      <c r="T459" s="144"/>
      <c r="U459" s="144"/>
      <c r="V459" s="144"/>
      <c r="W459" s="144"/>
      <c r="X459" s="144"/>
      <c r="Y459" s="144"/>
      <c r="Z459" s="144"/>
      <c r="AA459" s="144"/>
      <c r="AB459" s="144"/>
      <c r="AC459" s="144"/>
      <c r="AD459" s="144"/>
      <c r="AE459" s="144"/>
      <c r="AF459" s="151"/>
    </row>
    <row r="460" spans="1:33" ht="18.75" customHeight="1" x14ac:dyDescent="0.15">
      <c r="A460" s="127"/>
      <c r="B460" s="128"/>
      <c r="C460" s="219"/>
      <c r="D460" s="230"/>
      <c r="E460" s="116"/>
      <c r="F460" s="131"/>
      <c r="G460" s="238"/>
      <c r="H460" s="221" t="s">
        <v>77</v>
      </c>
      <c r="I460" s="143" t="s">
        <v>11</v>
      </c>
      <c r="J460" s="144" t="s">
        <v>25</v>
      </c>
      <c r="K460" s="144"/>
      <c r="L460" s="147" t="s">
        <v>11</v>
      </c>
      <c r="M460" s="144" t="s">
        <v>26</v>
      </c>
      <c r="N460" s="144"/>
      <c r="O460" s="147" t="s">
        <v>11</v>
      </c>
      <c r="P460" s="144" t="s">
        <v>27</v>
      </c>
      <c r="Q460" s="200"/>
      <c r="R460" s="200"/>
      <c r="S460" s="257"/>
      <c r="T460" s="257"/>
      <c r="U460" s="257"/>
      <c r="V460" s="257"/>
      <c r="W460" s="257"/>
      <c r="X460" s="257"/>
      <c r="Y460" s="257"/>
      <c r="Z460" s="257"/>
      <c r="AA460" s="257"/>
      <c r="AB460" s="257"/>
      <c r="AC460" s="257"/>
      <c r="AD460" s="257"/>
      <c r="AE460" s="257"/>
      <c r="AF460" s="327"/>
    </row>
    <row r="461" spans="1:33" ht="18.75" customHeight="1" x14ac:dyDescent="0.15">
      <c r="A461" s="127"/>
      <c r="B461" s="128"/>
      <c r="C461" s="219"/>
      <c r="D461" s="230"/>
      <c r="E461" s="116"/>
      <c r="F461" s="131"/>
      <c r="G461" s="238"/>
      <c r="H461" s="221" t="s">
        <v>97</v>
      </c>
      <c r="I461" s="143" t="s">
        <v>11</v>
      </c>
      <c r="J461" s="144" t="s">
        <v>25</v>
      </c>
      <c r="K461" s="144"/>
      <c r="L461" s="147" t="s">
        <v>11</v>
      </c>
      <c r="M461" s="144" t="s">
        <v>56</v>
      </c>
      <c r="N461" s="144"/>
      <c r="O461" s="147" t="s">
        <v>11</v>
      </c>
      <c r="P461" s="144" t="s">
        <v>57</v>
      </c>
      <c r="Q461" s="200"/>
      <c r="R461" s="200"/>
      <c r="S461" s="200"/>
      <c r="T461" s="144"/>
      <c r="U461" s="144"/>
      <c r="V461" s="144"/>
      <c r="W461" s="144"/>
      <c r="X461" s="144"/>
      <c r="Y461" s="144"/>
      <c r="Z461" s="144"/>
      <c r="AA461" s="144"/>
      <c r="AB461" s="144"/>
      <c r="AC461" s="144"/>
      <c r="AD461" s="144"/>
      <c r="AE461" s="144"/>
      <c r="AF461" s="151"/>
    </row>
    <row r="462" spans="1:33" ht="18.75" customHeight="1" x14ac:dyDescent="0.15">
      <c r="A462" s="113" t="s">
        <v>11</v>
      </c>
      <c r="B462" s="128">
        <v>72</v>
      </c>
      <c r="C462" s="219" t="s">
        <v>305</v>
      </c>
      <c r="D462" s="113" t="s">
        <v>11</v>
      </c>
      <c r="E462" s="116" t="s">
        <v>101</v>
      </c>
      <c r="F462" s="131"/>
      <c r="G462" s="238"/>
      <c r="H462" s="221" t="s">
        <v>110</v>
      </c>
      <c r="I462" s="143" t="s">
        <v>11</v>
      </c>
      <c r="J462" s="144" t="s">
        <v>25</v>
      </c>
      <c r="K462" s="145"/>
      <c r="L462" s="147" t="s">
        <v>11</v>
      </c>
      <c r="M462" s="144" t="s">
        <v>29</v>
      </c>
      <c r="N462" s="200"/>
      <c r="O462" s="144"/>
      <c r="P462" s="144"/>
      <c r="Q462" s="144"/>
      <c r="R462" s="144"/>
      <c r="S462" s="144"/>
      <c r="T462" s="144"/>
      <c r="U462" s="144"/>
      <c r="V462" s="144"/>
      <c r="W462" s="144"/>
      <c r="X462" s="144"/>
      <c r="Y462" s="144"/>
      <c r="Z462" s="144"/>
      <c r="AA462" s="144"/>
      <c r="AB462" s="144"/>
      <c r="AC462" s="144"/>
      <c r="AD462" s="144"/>
      <c r="AE462" s="144"/>
      <c r="AF462" s="151"/>
    </row>
    <row r="463" spans="1:33" ht="18.75" customHeight="1" x14ac:dyDescent="0.15">
      <c r="A463" s="127"/>
      <c r="B463" s="128"/>
      <c r="C463" s="219"/>
      <c r="D463" s="113" t="s">
        <v>11</v>
      </c>
      <c r="E463" s="116" t="s">
        <v>306</v>
      </c>
      <c r="F463" s="131"/>
      <c r="G463" s="238"/>
      <c r="H463" s="323" t="s">
        <v>154</v>
      </c>
      <c r="I463" s="143" t="s">
        <v>11</v>
      </c>
      <c r="J463" s="144" t="s">
        <v>25</v>
      </c>
      <c r="K463" s="145"/>
      <c r="L463" s="147" t="s">
        <v>11</v>
      </c>
      <c r="M463" s="144" t="s">
        <v>29</v>
      </c>
      <c r="N463" s="200"/>
      <c r="O463" s="144"/>
      <c r="P463" s="144"/>
      <c r="Q463" s="144"/>
      <c r="R463" s="144"/>
      <c r="S463" s="144"/>
      <c r="T463" s="144"/>
      <c r="U463" s="144"/>
      <c r="V463" s="144"/>
      <c r="W463" s="144"/>
      <c r="X463" s="144"/>
      <c r="Y463" s="144"/>
      <c r="Z463" s="144"/>
      <c r="AA463" s="144"/>
      <c r="AB463" s="144"/>
      <c r="AC463" s="144"/>
      <c r="AD463" s="144"/>
      <c r="AE463" s="144"/>
      <c r="AF463" s="151"/>
    </row>
    <row r="464" spans="1:33" ht="18.75" customHeight="1" x14ac:dyDescent="0.15">
      <c r="A464" s="127"/>
      <c r="B464" s="128"/>
      <c r="C464" s="219"/>
      <c r="D464" s="113" t="s">
        <v>11</v>
      </c>
      <c r="E464" s="116" t="s">
        <v>307</v>
      </c>
      <c r="F464" s="131"/>
      <c r="G464" s="238"/>
      <c r="H464" s="323" t="s">
        <v>234</v>
      </c>
      <c r="I464" s="143" t="s">
        <v>11</v>
      </c>
      <c r="J464" s="144" t="s">
        <v>25</v>
      </c>
      <c r="K464" s="145"/>
      <c r="L464" s="147" t="s">
        <v>11</v>
      </c>
      <c r="M464" s="144" t="s">
        <v>29</v>
      </c>
      <c r="N464" s="200"/>
      <c r="O464" s="144"/>
      <c r="P464" s="144"/>
      <c r="Q464" s="144"/>
      <c r="R464" s="144"/>
      <c r="S464" s="144"/>
      <c r="T464" s="144"/>
      <c r="U464" s="144"/>
      <c r="V464" s="144"/>
      <c r="W464" s="144"/>
      <c r="X464" s="144"/>
      <c r="Y464" s="144"/>
      <c r="Z464" s="144"/>
      <c r="AA464" s="144"/>
      <c r="AB464" s="144"/>
      <c r="AC464" s="144"/>
      <c r="AD464" s="144"/>
      <c r="AE464" s="144"/>
      <c r="AF464" s="151"/>
    </row>
    <row r="465" spans="1:32" ht="18.75" customHeight="1" x14ac:dyDescent="0.15">
      <c r="A465" s="127"/>
      <c r="B465" s="128"/>
      <c r="C465" s="219"/>
      <c r="D465" s="230"/>
      <c r="E465" s="116"/>
      <c r="F465" s="131"/>
      <c r="G465" s="238"/>
      <c r="H465" s="114" t="s">
        <v>82</v>
      </c>
      <c r="I465" s="143" t="s">
        <v>11</v>
      </c>
      <c r="J465" s="144" t="s">
        <v>25</v>
      </c>
      <c r="K465" s="145"/>
      <c r="L465" s="147" t="s">
        <v>11</v>
      </c>
      <c r="M465" s="144" t="s">
        <v>29</v>
      </c>
      <c r="N465" s="200"/>
      <c r="O465" s="144"/>
      <c r="P465" s="144"/>
      <c r="Q465" s="144"/>
      <c r="R465" s="144"/>
      <c r="S465" s="144"/>
      <c r="T465" s="144"/>
      <c r="U465" s="144"/>
      <c r="V465" s="144"/>
      <c r="W465" s="144"/>
      <c r="X465" s="144"/>
      <c r="Y465" s="144"/>
      <c r="Z465" s="144"/>
      <c r="AA465" s="144"/>
      <c r="AB465" s="144"/>
      <c r="AC465" s="144"/>
      <c r="AD465" s="144"/>
      <c r="AE465" s="144"/>
      <c r="AF465" s="151"/>
    </row>
    <row r="466" spans="1:32" ht="18.75" customHeight="1" x14ac:dyDescent="0.15">
      <c r="A466" s="127"/>
      <c r="B466" s="128"/>
      <c r="C466" s="219"/>
      <c r="D466" s="230"/>
      <c r="E466" s="116"/>
      <c r="F466" s="131"/>
      <c r="G466" s="238"/>
      <c r="H466" s="221" t="s">
        <v>83</v>
      </c>
      <c r="I466" s="143" t="s">
        <v>11</v>
      </c>
      <c r="J466" s="144" t="s">
        <v>25</v>
      </c>
      <c r="K466" s="145"/>
      <c r="L466" s="147" t="s">
        <v>11</v>
      </c>
      <c r="M466" s="144" t="s">
        <v>29</v>
      </c>
      <c r="N466" s="200"/>
      <c r="O466" s="144"/>
      <c r="P466" s="144"/>
      <c r="Q466" s="144"/>
      <c r="R466" s="144"/>
      <c r="S466" s="144"/>
      <c r="T466" s="144"/>
      <c r="U466" s="144"/>
      <c r="V466" s="144"/>
      <c r="W466" s="144"/>
      <c r="X466" s="144"/>
      <c r="Y466" s="144"/>
      <c r="Z466" s="144"/>
      <c r="AA466" s="144"/>
      <c r="AB466" s="144"/>
      <c r="AC466" s="144"/>
      <c r="AD466" s="144"/>
      <c r="AE466" s="144"/>
      <c r="AF466" s="151"/>
    </row>
    <row r="467" spans="1:32" ht="18.75" customHeight="1" x14ac:dyDescent="0.15">
      <c r="A467" s="171"/>
      <c r="B467" s="172"/>
      <c r="C467" s="270"/>
      <c r="D467" s="336"/>
      <c r="E467" s="175"/>
      <c r="F467" s="176"/>
      <c r="G467" s="234"/>
      <c r="H467" s="328" t="s">
        <v>84</v>
      </c>
      <c r="I467" s="207" t="s">
        <v>11</v>
      </c>
      <c r="J467" s="208" t="s">
        <v>25</v>
      </c>
      <c r="K467" s="215"/>
      <c r="L467" s="209" t="s">
        <v>11</v>
      </c>
      <c r="M467" s="208" t="s">
        <v>29</v>
      </c>
      <c r="N467" s="329"/>
      <c r="O467" s="208"/>
      <c r="P467" s="208"/>
      <c r="Q467" s="208"/>
      <c r="R467" s="208"/>
      <c r="S467" s="208"/>
      <c r="T467" s="208"/>
      <c r="U467" s="208"/>
      <c r="V467" s="208"/>
      <c r="W467" s="208"/>
      <c r="X467" s="208"/>
      <c r="Y467" s="208"/>
      <c r="Z467" s="208"/>
      <c r="AA467" s="208"/>
      <c r="AB467" s="208"/>
      <c r="AC467" s="208"/>
      <c r="AD467" s="208"/>
      <c r="AE467" s="208"/>
      <c r="AF467" s="258"/>
    </row>
    <row r="468" spans="1:32" ht="18.75" customHeight="1" x14ac:dyDescent="0.15">
      <c r="A468" s="127"/>
      <c r="B468" s="128"/>
      <c r="C468" s="219"/>
      <c r="D468" s="131"/>
      <c r="E468" s="116"/>
      <c r="F468" s="131"/>
      <c r="G468" s="238"/>
      <c r="H468" s="325" t="s">
        <v>89</v>
      </c>
      <c r="I468" s="137" t="s">
        <v>11</v>
      </c>
      <c r="J468" s="155" t="s">
        <v>25</v>
      </c>
      <c r="K468" s="155"/>
      <c r="L468" s="199"/>
      <c r="M468" s="196" t="s">
        <v>11</v>
      </c>
      <c r="N468" s="155" t="s">
        <v>67</v>
      </c>
      <c r="O468" s="155"/>
      <c r="P468" s="199"/>
      <c r="Q468" s="196" t="s">
        <v>11</v>
      </c>
      <c r="R468" s="138" t="s">
        <v>68</v>
      </c>
      <c r="S468" s="138"/>
      <c r="T468" s="138"/>
      <c r="U468" s="138"/>
      <c r="V468" s="155"/>
      <c r="W468" s="155"/>
      <c r="X468" s="155"/>
      <c r="Y468" s="155"/>
      <c r="Z468" s="155"/>
      <c r="AA468" s="155"/>
      <c r="AB468" s="155"/>
      <c r="AC468" s="155"/>
      <c r="AD468" s="155"/>
      <c r="AE468" s="155"/>
      <c r="AF468" s="156"/>
    </row>
    <row r="469" spans="1:32" ht="18.75" customHeight="1" x14ac:dyDescent="0.15">
      <c r="A469" s="127"/>
      <c r="B469" s="128"/>
      <c r="C469" s="219"/>
      <c r="D469" s="131"/>
      <c r="E469" s="116"/>
      <c r="F469" s="131"/>
      <c r="G469" s="238"/>
      <c r="H469" s="142" t="s">
        <v>22</v>
      </c>
      <c r="I469" s="143" t="s">
        <v>11</v>
      </c>
      <c r="J469" s="144" t="s">
        <v>23</v>
      </c>
      <c r="K469" s="145"/>
      <c r="L469" s="146"/>
      <c r="M469" s="147" t="s">
        <v>11</v>
      </c>
      <c r="N469" s="144" t="s">
        <v>24</v>
      </c>
      <c r="O469" s="147"/>
      <c r="P469" s="144"/>
      <c r="Q469" s="148"/>
      <c r="R469" s="148"/>
      <c r="S469" s="148"/>
      <c r="T469" s="148"/>
      <c r="U469" s="148"/>
      <c r="V469" s="148"/>
      <c r="W469" s="148"/>
      <c r="X469" s="148"/>
      <c r="Y469" s="148"/>
      <c r="Z469" s="148"/>
      <c r="AA469" s="148"/>
      <c r="AB469" s="148"/>
      <c r="AC469" s="148"/>
      <c r="AD469" s="148"/>
      <c r="AE469" s="148"/>
      <c r="AF469" s="255"/>
    </row>
    <row r="470" spans="1:32" ht="19.5" customHeight="1" x14ac:dyDescent="0.15">
      <c r="A470" s="127"/>
      <c r="B470" s="128"/>
      <c r="C470" s="129"/>
      <c r="D470" s="130"/>
      <c r="E470" s="116"/>
      <c r="F470" s="131"/>
      <c r="G470" s="132"/>
      <c r="H470" s="142" t="s">
        <v>69</v>
      </c>
      <c r="I470" s="337" t="s">
        <v>11</v>
      </c>
      <c r="J470" s="144" t="s">
        <v>23</v>
      </c>
      <c r="K470" s="144"/>
      <c r="L470" s="146"/>
      <c r="M470" s="338" t="s">
        <v>11</v>
      </c>
      <c r="N470" s="144" t="s">
        <v>24</v>
      </c>
      <c r="O470" s="338"/>
      <c r="P470" s="144"/>
      <c r="Q470" s="200"/>
      <c r="R470" s="200"/>
      <c r="S470" s="200"/>
      <c r="T470" s="200"/>
      <c r="U470" s="200"/>
      <c r="V470" s="200"/>
      <c r="W470" s="200"/>
      <c r="X470" s="200"/>
      <c r="Y470" s="200"/>
      <c r="Z470" s="200"/>
      <c r="AA470" s="200"/>
      <c r="AB470" s="200"/>
      <c r="AC470" s="200"/>
      <c r="AD470" s="200"/>
      <c r="AE470" s="200"/>
      <c r="AF470" s="255"/>
    </row>
    <row r="471" spans="1:32" ht="18.75" customHeight="1" x14ac:dyDescent="0.15">
      <c r="A471" s="130"/>
      <c r="B471" s="101"/>
      <c r="C471" s="130"/>
      <c r="D471" s="130"/>
      <c r="E471" s="101"/>
      <c r="F471" s="131"/>
      <c r="G471" s="238"/>
      <c r="H471" s="221" t="s">
        <v>33</v>
      </c>
      <c r="I471" s="143" t="s">
        <v>11</v>
      </c>
      <c r="J471" s="144" t="s">
        <v>25</v>
      </c>
      <c r="K471" s="145"/>
      <c r="L471" s="147" t="s">
        <v>11</v>
      </c>
      <c r="M471" s="144" t="s">
        <v>29</v>
      </c>
      <c r="N471" s="200"/>
      <c r="O471" s="144"/>
      <c r="P471" s="144"/>
      <c r="Q471" s="144"/>
      <c r="R471" s="144"/>
      <c r="S471" s="144"/>
      <c r="T471" s="144"/>
      <c r="U471" s="144"/>
      <c r="V471" s="144"/>
      <c r="W471" s="144"/>
      <c r="X471" s="144"/>
      <c r="Y471" s="144"/>
      <c r="Z471" s="144"/>
      <c r="AA471" s="144"/>
      <c r="AB471" s="144"/>
      <c r="AC471" s="144"/>
      <c r="AD471" s="144"/>
      <c r="AE471" s="144"/>
      <c r="AF471" s="151"/>
    </row>
    <row r="472" spans="1:32" ht="18.75" customHeight="1" x14ac:dyDescent="0.15">
      <c r="A472" s="113" t="s">
        <v>11</v>
      </c>
      <c r="B472" s="128">
        <v>73</v>
      </c>
      <c r="C472" s="219" t="s">
        <v>311</v>
      </c>
      <c r="D472" s="113" t="s">
        <v>11</v>
      </c>
      <c r="E472" s="116" t="s">
        <v>374</v>
      </c>
      <c r="F472" s="131"/>
      <c r="G472" s="238"/>
      <c r="H472" s="477" t="s">
        <v>34</v>
      </c>
      <c r="I472" s="436" t="s">
        <v>11</v>
      </c>
      <c r="J472" s="421" t="s">
        <v>31</v>
      </c>
      <c r="K472" s="421"/>
      <c r="L472" s="421"/>
      <c r="M472" s="436" t="s">
        <v>11</v>
      </c>
      <c r="N472" s="421" t="s">
        <v>32</v>
      </c>
      <c r="O472" s="421"/>
      <c r="P472" s="421"/>
      <c r="Q472" s="169"/>
      <c r="R472" s="169"/>
      <c r="S472" s="169"/>
      <c r="T472" s="169"/>
      <c r="U472" s="169"/>
      <c r="V472" s="169"/>
      <c r="W472" s="169"/>
      <c r="X472" s="169"/>
      <c r="Y472" s="169"/>
      <c r="Z472" s="169"/>
      <c r="AA472" s="169"/>
      <c r="AB472" s="169"/>
      <c r="AC472" s="169"/>
      <c r="AD472" s="169"/>
      <c r="AE472" s="169"/>
      <c r="AF472" s="170"/>
    </row>
    <row r="473" spans="1:32" ht="18.75" customHeight="1" x14ac:dyDescent="0.15">
      <c r="A473" s="113"/>
      <c r="B473" s="128"/>
      <c r="C473" s="219"/>
      <c r="D473" s="113" t="s">
        <v>11</v>
      </c>
      <c r="E473" s="116" t="s">
        <v>314</v>
      </c>
      <c r="F473" s="131"/>
      <c r="G473" s="238"/>
      <c r="H473" s="481"/>
      <c r="I473" s="437"/>
      <c r="J473" s="422"/>
      <c r="K473" s="422"/>
      <c r="L473" s="422"/>
      <c r="M473" s="437"/>
      <c r="N473" s="422"/>
      <c r="O473" s="422"/>
      <c r="P473" s="422"/>
      <c r="Q473" s="139"/>
      <c r="R473" s="139"/>
      <c r="S473" s="139"/>
      <c r="T473" s="139"/>
      <c r="U473" s="139"/>
      <c r="V473" s="139"/>
      <c r="W473" s="139"/>
      <c r="X473" s="139"/>
      <c r="Y473" s="139"/>
      <c r="Z473" s="139"/>
      <c r="AA473" s="139"/>
      <c r="AB473" s="139"/>
      <c r="AC473" s="139"/>
      <c r="AD473" s="139"/>
      <c r="AE473" s="139"/>
      <c r="AF473" s="140"/>
    </row>
    <row r="474" spans="1:32" ht="18.75" customHeight="1" x14ac:dyDescent="0.15">
      <c r="A474" s="113"/>
      <c r="B474" s="128"/>
      <c r="C474" s="219"/>
      <c r="D474" s="113"/>
      <c r="E474" s="116" t="s">
        <v>316</v>
      </c>
      <c r="F474" s="131"/>
      <c r="G474" s="238"/>
      <c r="H474" s="195" t="s">
        <v>80</v>
      </c>
      <c r="I474" s="164" t="s">
        <v>11</v>
      </c>
      <c r="J474" s="144" t="s">
        <v>25</v>
      </c>
      <c r="K474" s="144"/>
      <c r="L474" s="147" t="s">
        <v>11</v>
      </c>
      <c r="M474" s="144" t="s">
        <v>26</v>
      </c>
      <c r="N474" s="144"/>
      <c r="O474" s="168" t="s">
        <v>11</v>
      </c>
      <c r="P474" s="144" t="s">
        <v>27</v>
      </c>
      <c r="Q474" s="200"/>
      <c r="R474" s="168"/>
      <c r="S474" s="144"/>
      <c r="T474" s="200"/>
      <c r="U474" s="168"/>
      <c r="V474" s="144"/>
      <c r="W474" s="200"/>
      <c r="X474" s="139"/>
      <c r="Y474" s="148"/>
      <c r="Z474" s="148"/>
      <c r="AA474" s="148"/>
      <c r="AB474" s="148"/>
      <c r="AC474" s="148"/>
      <c r="AD474" s="148"/>
      <c r="AE474" s="148"/>
      <c r="AF474" s="149"/>
    </row>
    <row r="475" spans="1:32" ht="18.75" customHeight="1" x14ac:dyDescent="0.15">
      <c r="A475" s="127"/>
      <c r="B475" s="128"/>
      <c r="C475" s="219"/>
      <c r="D475" s="101"/>
      <c r="E475" s="101"/>
      <c r="F475" s="131"/>
      <c r="G475" s="238"/>
      <c r="H475" s="323" t="s">
        <v>309</v>
      </c>
      <c r="I475" s="143" t="s">
        <v>11</v>
      </c>
      <c r="J475" s="144" t="s">
        <v>25</v>
      </c>
      <c r="K475" s="145"/>
      <c r="L475" s="147" t="s">
        <v>11</v>
      </c>
      <c r="M475" s="144" t="s">
        <v>29</v>
      </c>
      <c r="N475" s="200"/>
      <c r="O475" s="144"/>
      <c r="P475" s="144"/>
      <c r="Q475" s="144"/>
      <c r="R475" s="144"/>
      <c r="S475" s="144"/>
      <c r="T475" s="144"/>
      <c r="U475" s="144"/>
      <c r="V475" s="144"/>
      <c r="W475" s="144"/>
      <c r="X475" s="144"/>
      <c r="Y475" s="144"/>
      <c r="Z475" s="144"/>
      <c r="AA475" s="144"/>
      <c r="AB475" s="144"/>
      <c r="AC475" s="144"/>
      <c r="AD475" s="144"/>
      <c r="AE475" s="144"/>
      <c r="AF475" s="151"/>
    </row>
    <row r="476" spans="1:32" ht="18.75" customHeight="1" x14ac:dyDescent="0.15">
      <c r="A476" s="130"/>
      <c r="B476" s="159"/>
      <c r="C476" s="269"/>
      <c r="D476" s="101"/>
      <c r="E476" s="101"/>
      <c r="F476" s="131"/>
      <c r="G476" s="238"/>
      <c r="H476" s="323" t="s">
        <v>310</v>
      </c>
      <c r="I476" s="143" t="s">
        <v>11</v>
      </c>
      <c r="J476" s="144" t="s">
        <v>25</v>
      </c>
      <c r="K476" s="144"/>
      <c r="L476" s="147" t="s">
        <v>11</v>
      </c>
      <c r="M476" s="144" t="s">
        <v>26</v>
      </c>
      <c r="N476" s="144"/>
      <c r="O476" s="147" t="s">
        <v>11</v>
      </c>
      <c r="P476" s="144" t="s">
        <v>27</v>
      </c>
      <c r="Q476" s="200"/>
      <c r="R476" s="147" t="s">
        <v>11</v>
      </c>
      <c r="S476" s="144" t="s">
        <v>28</v>
      </c>
      <c r="T476" s="200"/>
      <c r="U476" s="144"/>
      <c r="V476" s="144"/>
      <c r="W476" s="144"/>
      <c r="X476" s="144"/>
      <c r="Y476" s="144"/>
      <c r="Z476" s="144"/>
      <c r="AA476" s="144"/>
      <c r="AB476" s="144"/>
      <c r="AC476" s="144"/>
      <c r="AD476" s="144"/>
      <c r="AE476" s="144"/>
      <c r="AF476" s="151"/>
    </row>
    <row r="477" spans="1:32" ht="18.75" customHeight="1" x14ac:dyDescent="0.15">
      <c r="A477" s="130"/>
      <c r="B477" s="159"/>
      <c r="C477" s="269"/>
      <c r="D477" s="101"/>
      <c r="E477" s="101"/>
      <c r="F477" s="131"/>
      <c r="G477" s="238"/>
      <c r="H477" s="323" t="s">
        <v>375</v>
      </c>
      <c r="I477" s="143" t="s">
        <v>11</v>
      </c>
      <c r="J477" s="144" t="s">
        <v>25</v>
      </c>
      <c r="K477" s="145"/>
      <c r="L477" s="147" t="s">
        <v>11</v>
      </c>
      <c r="M477" s="144" t="s">
        <v>29</v>
      </c>
      <c r="N477" s="200"/>
      <c r="O477" s="144"/>
      <c r="P477" s="144"/>
      <c r="Q477" s="144"/>
      <c r="R477" s="144"/>
      <c r="S477" s="144"/>
      <c r="T477" s="144"/>
      <c r="U477" s="144"/>
      <c r="V477" s="144"/>
      <c r="W477" s="144"/>
      <c r="X477" s="144"/>
      <c r="Y477" s="144"/>
      <c r="Z477" s="144"/>
      <c r="AA477" s="144"/>
      <c r="AB477" s="144"/>
      <c r="AC477" s="144"/>
      <c r="AD477" s="144"/>
      <c r="AE477" s="144"/>
      <c r="AF477" s="151"/>
    </row>
    <row r="478" spans="1:32" ht="18.75" customHeight="1" x14ac:dyDescent="0.15">
      <c r="A478" s="127"/>
      <c r="B478" s="128"/>
      <c r="C478" s="219"/>
      <c r="D478" s="206"/>
      <c r="E478" s="116"/>
      <c r="F478" s="131"/>
      <c r="G478" s="238"/>
      <c r="H478" s="323" t="s">
        <v>315</v>
      </c>
      <c r="I478" s="143" t="s">
        <v>11</v>
      </c>
      <c r="J478" s="144" t="s">
        <v>25</v>
      </c>
      <c r="K478" s="145"/>
      <c r="L478" s="147" t="s">
        <v>11</v>
      </c>
      <c r="M478" s="144" t="s">
        <v>29</v>
      </c>
      <c r="N478" s="200"/>
      <c r="O478" s="144"/>
      <c r="P478" s="144"/>
      <c r="Q478" s="144"/>
      <c r="R478" s="144"/>
      <c r="S478" s="144"/>
      <c r="T478" s="144"/>
      <c r="U478" s="144"/>
      <c r="V478" s="144"/>
      <c r="W478" s="144"/>
      <c r="X478" s="144"/>
      <c r="Y478" s="144"/>
      <c r="Z478" s="144"/>
      <c r="AA478" s="144"/>
      <c r="AB478" s="144"/>
      <c r="AC478" s="144"/>
      <c r="AD478" s="144"/>
      <c r="AE478" s="144"/>
      <c r="AF478" s="151"/>
    </row>
    <row r="479" spans="1:32" ht="18.75" customHeight="1" x14ac:dyDescent="0.15">
      <c r="A479" s="127"/>
      <c r="B479" s="128"/>
      <c r="C479" s="219"/>
      <c r="D479" s="131"/>
      <c r="E479" s="116"/>
      <c r="F479" s="131"/>
      <c r="G479" s="238"/>
      <c r="H479" s="226" t="s">
        <v>279</v>
      </c>
      <c r="I479" s="143" t="s">
        <v>11</v>
      </c>
      <c r="J479" s="144" t="s">
        <v>25</v>
      </c>
      <c r="K479" s="145"/>
      <c r="L479" s="147" t="s">
        <v>11</v>
      </c>
      <c r="M479" s="144" t="s">
        <v>56</v>
      </c>
      <c r="N479" s="144"/>
      <c r="O479" s="168" t="s">
        <v>11</v>
      </c>
      <c r="P479" s="153" t="s">
        <v>57</v>
      </c>
      <c r="Q479" s="144"/>
      <c r="R479" s="144"/>
      <c r="S479" s="145"/>
      <c r="T479" s="144"/>
      <c r="U479" s="145"/>
      <c r="V479" s="145"/>
      <c r="W479" s="145"/>
      <c r="X479" s="145"/>
      <c r="Y479" s="144"/>
      <c r="Z479" s="144"/>
      <c r="AA479" s="144"/>
      <c r="AB479" s="144"/>
      <c r="AC479" s="144"/>
      <c r="AD479" s="144"/>
      <c r="AE479" s="144"/>
      <c r="AF479" s="151"/>
    </row>
    <row r="480" spans="1:32" ht="18.75" customHeight="1" x14ac:dyDescent="0.15">
      <c r="A480" s="171"/>
      <c r="B480" s="172"/>
      <c r="C480" s="270"/>
      <c r="D480" s="176"/>
      <c r="E480" s="175"/>
      <c r="F480" s="176"/>
      <c r="G480" s="234"/>
      <c r="H480" s="328" t="s">
        <v>84</v>
      </c>
      <c r="I480" s="143" t="s">
        <v>11</v>
      </c>
      <c r="J480" s="144" t="s">
        <v>25</v>
      </c>
      <c r="K480" s="145"/>
      <c r="L480" s="147" t="s">
        <v>11</v>
      </c>
      <c r="M480" s="144" t="s">
        <v>29</v>
      </c>
      <c r="N480" s="200"/>
      <c r="O480" s="208"/>
      <c r="P480" s="208"/>
      <c r="Q480" s="208"/>
      <c r="R480" s="208"/>
      <c r="S480" s="208"/>
      <c r="T480" s="208"/>
      <c r="U480" s="208"/>
      <c r="V480" s="208"/>
      <c r="W480" s="208"/>
      <c r="X480" s="208"/>
      <c r="Y480" s="208"/>
      <c r="Z480" s="208"/>
      <c r="AA480" s="208"/>
      <c r="AB480" s="208"/>
      <c r="AC480" s="208"/>
      <c r="AD480" s="208"/>
      <c r="AE480" s="208"/>
      <c r="AF480" s="258"/>
    </row>
    <row r="481" spans="1:32" ht="18.75" customHeight="1" x14ac:dyDescent="0.15">
      <c r="A481" s="117"/>
      <c r="B481" s="118"/>
      <c r="C481" s="216"/>
      <c r="D481" s="120"/>
      <c r="E481" s="211"/>
      <c r="F481" s="121"/>
      <c r="G481" s="125"/>
      <c r="H481" s="339" t="s">
        <v>89</v>
      </c>
      <c r="I481" s="187" t="s">
        <v>11</v>
      </c>
      <c r="J481" s="188" t="s">
        <v>25</v>
      </c>
      <c r="K481" s="188"/>
      <c r="L481" s="190"/>
      <c r="M481" s="191" t="s">
        <v>11</v>
      </c>
      <c r="N481" s="188" t="s">
        <v>67</v>
      </c>
      <c r="O481" s="188"/>
      <c r="P481" s="190"/>
      <c r="Q481" s="191" t="s">
        <v>11</v>
      </c>
      <c r="R481" s="217" t="s">
        <v>68</v>
      </c>
      <c r="S481" s="217"/>
      <c r="T481" s="217"/>
      <c r="U481" s="217"/>
      <c r="V481" s="188"/>
      <c r="W481" s="188"/>
      <c r="X481" s="188"/>
      <c r="Y481" s="188"/>
      <c r="Z481" s="188"/>
      <c r="AA481" s="188"/>
      <c r="AB481" s="188"/>
      <c r="AC481" s="188"/>
      <c r="AD481" s="188"/>
      <c r="AE481" s="188"/>
      <c r="AF481" s="256"/>
    </row>
    <row r="482" spans="1:32" ht="18.75" customHeight="1" x14ac:dyDescent="0.15">
      <c r="A482" s="113" t="s">
        <v>11</v>
      </c>
      <c r="B482" s="128">
        <v>68</v>
      </c>
      <c r="C482" s="219" t="s">
        <v>317</v>
      </c>
      <c r="D482" s="113" t="s">
        <v>11</v>
      </c>
      <c r="E482" s="116" t="s">
        <v>374</v>
      </c>
      <c r="F482" s="131"/>
      <c r="G482" s="238"/>
      <c r="H482" s="142" t="s">
        <v>22</v>
      </c>
      <c r="I482" s="143" t="s">
        <v>11</v>
      </c>
      <c r="J482" s="144" t="s">
        <v>23</v>
      </c>
      <c r="K482" s="145"/>
      <c r="L482" s="146"/>
      <c r="M482" s="147" t="s">
        <v>11</v>
      </c>
      <c r="N482" s="144" t="s">
        <v>24</v>
      </c>
      <c r="O482" s="147"/>
      <c r="P482" s="144"/>
      <c r="Q482" s="148"/>
      <c r="R482" s="148"/>
      <c r="S482" s="148"/>
      <c r="T482" s="148"/>
      <c r="U482" s="148"/>
      <c r="V482" s="148"/>
      <c r="W482" s="148"/>
      <c r="X482" s="148"/>
      <c r="Y482" s="148"/>
      <c r="Z482" s="148"/>
      <c r="AA482" s="148"/>
      <c r="AB482" s="148"/>
      <c r="AC482" s="148"/>
      <c r="AD482" s="148"/>
      <c r="AE482" s="148"/>
      <c r="AF482" s="255"/>
    </row>
    <row r="483" spans="1:32" ht="18.75" customHeight="1" x14ac:dyDescent="0.15">
      <c r="A483" s="127"/>
      <c r="B483" s="128"/>
      <c r="C483" s="219" t="s">
        <v>318</v>
      </c>
      <c r="D483" s="113" t="s">
        <v>11</v>
      </c>
      <c r="E483" s="116" t="s">
        <v>314</v>
      </c>
      <c r="F483" s="131"/>
      <c r="G483" s="238"/>
      <c r="H483" s="142" t="s">
        <v>69</v>
      </c>
      <c r="I483" s="143" t="s">
        <v>11</v>
      </c>
      <c r="J483" s="144" t="s">
        <v>23</v>
      </c>
      <c r="K483" s="145"/>
      <c r="L483" s="146"/>
      <c r="M483" s="147" t="s">
        <v>11</v>
      </c>
      <c r="N483" s="144" t="s">
        <v>24</v>
      </c>
      <c r="O483" s="147"/>
      <c r="P483" s="144"/>
      <c r="Q483" s="148"/>
      <c r="R483" s="148"/>
      <c r="S483" s="148"/>
      <c r="T483" s="148"/>
      <c r="U483" s="148"/>
      <c r="V483" s="148"/>
      <c r="W483" s="148"/>
      <c r="X483" s="148"/>
      <c r="Y483" s="148"/>
      <c r="Z483" s="148"/>
      <c r="AA483" s="148"/>
      <c r="AB483" s="148"/>
      <c r="AC483" s="148"/>
      <c r="AD483" s="148"/>
      <c r="AE483" s="148"/>
      <c r="AF483" s="255"/>
    </row>
    <row r="484" spans="1:32" ht="18.75" customHeight="1" x14ac:dyDescent="0.15">
      <c r="A484" s="130"/>
      <c r="B484" s="159"/>
      <c r="C484" s="159"/>
      <c r="D484" s="131"/>
      <c r="E484" s="116" t="s">
        <v>316</v>
      </c>
      <c r="F484" s="131"/>
      <c r="G484" s="238"/>
      <c r="H484" s="477" t="s">
        <v>34</v>
      </c>
      <c r="I484" s="436" t="s">
        <v>11</v>
      </c>
      <c r="J484" s="421" t="s">
        <v>31</v>
      </c>
      <c r="K484" s="421"/>
      <c r="L484" s="421"/>
      <c r="M484" s="436" t="s">
        <v>11</v>
      </c>
      <c r="N484" s="421" t="s">
        <v>32</v>
      </c>
      <c r="O484" s="421"/>
      <c r="P484" s="421"/>
      <c r="Q484" s="169"/>
      <c r="R484" s="169"/>
      <c r="S484" s="169"/>
      <c r="T484" s="169"/>
      <c r="U484" s="169"/>
      <c r="V484" s="169"/>
      <c r="W484" s="169"/>
      <c r="X484" s="169"/>
      <c r="Y484" s="169"/>
      <c r="Z484" s="169"/>
      <c r="AA484" s="169"/>
      <c r="AB484" s="169"/>
      <c r="AC484" s="169"/>
      <c r="AD484" s="169"/>
      <c r="AE484" s="169"/>
      <c r="AF484" s="170"/>
    </row>
    <row r="485" spans="1:32" ht="18.75" customHeight="1" x14ac:dyDescent="0.15">
      <c r="A485" s="130"/>
      <c r="B485" s="159"/>
      <c r="C485" s="269"/>
      <c r="D485" s="101"/>
      <c r="E485" s="159"/>
      <c r="F485" s="131"/>
      <c r="G485" s="238"/>
      <c r="H485" s="482"/>
      <c r="I485" s="437"/>
      <c r="J485" s="422"/>
      <c r="K485" s="422"/>
      <c r="L485" s="422"/>
      <c r="M485" s="437"/>
      <c r="N485" s="422"/>
      <c r="O485" s="422"/>
      <c r="P485" s="422"/>
      <c r="Q485" s="139"/>
      <c r="R485" s="139"/>
      <c r="S485" s="139"/>
      <c r="T485" s="139"/>
      <c r="U485" s="139"/>
      <c r="V485" s="139"/>
      <c r="W485" s="139"/>
      <c r="X485" s="139"/>
      <c r="Y485" s="139"/>
      <c r="Z485" s="139"/>
      <c r="AA485" s="139"/>
      <c r="AB485" s="139"/>
      <c r="AC485" s="139"/>
      <c r="AD485" s="139"/>
      <c r="AE485" s="139"/>
      <c r="AF485" s="140"/>
    </row>
    <row r="486" spans="1:32" ht="18.75" customHeight="1" x14ac:dyDescent="0.15">
      <c r="A486" s="117"/>
      <c r="B486" s="118"/>
      <c r="C486" s="216"/>
      <c r="D486" s="121"/>
      <c r="E486" s="112"/>
      <c r="F486" s="121"/>
      <c r="G486" s="125"/>
      <c r="H486" s="339" t="s">
        <v>308</v>
      </c>
      <c r="I486" s="187" t="s">
        <v>11</v>
      </c>
      <c r="J486" s="188" t="s">
        <v>25</v>
      </c>
      <c r="K486" s="188"/>
      <c r="L486" s="190"/>
      <c r="M486" s="191" t="s">
        <v>11</v>
      </c>
      <c r="N486" s="188" t="s">
        <v>67</v>
      </c>
      <c r="O486" s="188"/>
      <c r="P486" s="190"/>
      <c r="Q486" s="191" t="s">
        <v>11</v>
      </c>
      <c r="R486" s="217" t="s">
        <v>68</v>
      </c>
      <c r="S486" s="217"/>
      <c r="T486" s="217"/>
      <c r="U486" s="217"/>
      <c r="V486" s="188"/>
      <c r="W486" s="188"/>
      <c r="X486" s="188"/>
      <c r="Y486" s="188"/>
      <c r="Z486" s="188"/>
      <c r="AA486" s="188"/>
      <c r="AB486" s="188"/>
      <c r="AC486" s="188"/>
      <c r="AD486" s="188"/>
      <c r="AE486" s="188"/>
      <c r="AF486" s="256"/>
    </row>
    <row r="487" spans="1:32" ht="19.5" customHeight="1" x14ac:dyDescent="0.15">
      <c r="A487" s="127"/>
      <c r="B487" s="128"/>
      <c r="C487" s="129"/>
      <c r="D487" s="130"/>
      <c r="E487" s="116"/>
      <c r="F487" s="131"/>
      <c r="G487" s="132"/>
      <c r="H487" s="142" t="s">
        <v>22</v>
      </c>
      <c r="I487" s="143" t="s">
        <v>11</v>
      </c>
      <c r="J487" s="144" t="s">
        <v>23</v>
      </c>
      <c r="K487" s="145"/>
      <c r="L487" s="146"/>
      <c r="M487" s="147" t="s">
        <v>11</v>
      </c>
      <c r="N487" s="144" t="s">
        <v>24</v>
      </c>
      <c r="O487" s="147"/>
      <c r="P487" s="144"/>
      <c r="Q487" s="148"/>
      <c r="R487" s="148"/>
      <c r="S487" s="148"/>
      <c r="T487" s="148"/>
      <c r="U487" s="148"/>
      <c r="V487" s="148"/>
      <c r="W487" s="148"/>
      <c r="X487" s="148"/>
      <c r="Y487" s="148"/>
      <c r="Z487" s="148"/>
      <c r="AA487" s="148"/>
      <c r="AB487" s="148"/>
      <c r="AC487" s="148"/>
      <c r="AD487" s="148"/>
      <c r="AE487" s="148"/>
      <c r="AF487" s="255"/>
    </row>
    <row r="488" spans="1:32" ht="19.5" customHeight="1" x14ac:dyDescent="0.15">
      <c r="A488" s="127"/>
      <c r="B488" s="128"/>
      <c r="C488" s="129"/>
      <c r="D488" s="130"/>
      <c r="E488" s="116"/>
      <c r="F488" s="131"/>
      <c r="G488" s="132"/>
      <c r="H488" s="142" t="s">
        <v>69</v>
      </c>
      <c r="I488" s="143" t="s">
        <v>11</v>
      </c>
      <c r="J488" s="144" t="s">
        <v>23</v>
      </c>
      <c r="K488" s="145"/>
      <c r="L488" s="146"/>
      <c r="M488" s="147" t="s">
        <v>11</v>
      </c>
      <c r="N488" s="144" t="s">
        <v>24</v>
      </c>
      <c r="O488" s="147"/>
      <c r="P488" s="144"/>
      <c r="Q488" s="148"/>
      <c r="R488" s="148"/>
      <c r="S488" s="148"/>
      <c r="T488" s="148"/>
      <c r="U488" s="148"/>
      <c r="V488" s="148"/>
      <c r="W488" s="148"/>
      <c r="X488" s="148"/>
      <c r="Y488" s="148"/>
      <c r="Z488" s="148"/>
      <c r="AA488" s="148"/>
      <c r="AB488" s="148"/>
      <c r="AC488" s="148"/>
      <c r="AD488" s="148"/>
      <c r="AE488" s="148"/>
      <c r="AF488" s="255"/>
    </row>
    <row r="489" spans="1:32" ht="18.75" customHeight="1" x14ac:dyDescent="0.15">
      <c r="A489" s="127"/>
      <c r="B489" s="128"/>
      <c r="C489" s="219"/>
      <c r="D489" s="131"/>
      <c r="E489" s="116"/>
      <c r="F489" s="131"/>
      <c r="G489" s="238"/>
      <c r="H489" s="323" t="s">
        <v>351</v>
      </c>
      <c r="I489" s="143" t="s">
        <v>11</v>
      </c>
      <c r="J489" s="144" t="s">
        <v>25</v>
      </c>
      <c r="K489" s="145"/>
      <c r="L489" s="147" t="s">
        <v>11</v>
      </c>
      <c r="M489" s="144" t="s">
        <v>29</v>
      </c>
      <c r="N489" s="200"/>
      <c r="O489" s="144"/>
      <c r="P489" s="144"/>
      <c r="Q489" s="144"/>
      <c r="R489" s="144"/>
      <c r="S489" s="144"/>
      <c r="T489" s="144"/>
      <c r="U489" s="144"/>
      <c r="V489" s="144"/>
      <c r="W489" s="144"/>
      <c r="X489" s="144"/>
      <c r="Y489" s="144"/>
      <c r="Z489" s="144"/>
      <c r="AA489" s="144"/>
      <c r="AB489" s="144"/>
      <c r="AC489" s="144"/>
      <c r="AD489" s="144"/>
      <c r="AE489" s="144"/>
      <c r="AF489" s="151"/>
    </row>
    <row r="490" spans="1:32" ht="18.75" customHeight="1" x14ac:dyDescent="0.15">
      <c r="A490" s="127"/>
      <c r="B490" s="128"/>
      <c r="C490" s="219"/>
      <c r="D490" s="131"/>
      <c r="E490" s="116"/>
      <c r="F490" s="131"/>
      <c r="G490" s="238"/>
      <c r="H490" s="323" t="s">
        <v>352</v>
      </c>
      <c r="I490" s="143" t="s">
        <v>11</v>
      </c>
      <c r="J490" s="144" t="s">
        <v>93</v>
      </c>
      <c r="K490" s="145"/>
      <c r="L490" s="146"/>
      <c r="M490" s="147" t="s">
        <v>11</v>
      </c>
      <c r="N490" s="144" t="s">
        <v>105</v>
      </c>
      <c r="O490" s="148"/>
      <c r="P490" s="148"/>
      <c r="Q490" s="148"/>
      <c r="R490" s="144"/>
      <c r="S490" s="144"/>
      <c r="T490" s="144"/>
      <c r="U490" s="144"/>
      <c r="V490" s="144"/>
      <c r="W490" s="144"/>
      <c r="X490" s="144"/>
      <c r="Y490" s="144"/>
      <c r="Z490" s="144"/>
      <c r="AA490" s="144"/>
      <c r="AB490" s="144"/>
      <c r="AC490" s="144"/>
      <c r="AD490" s="144"/>
      <c r="AE490" s="144"/>
      <c r="AF490" s="151"/>
    </row>
    <row r="491" spans="1:32" ht="18.75" customHeight="1" x14ac:dyDescent="0.15">
      <c r="A491" s="127"/>
      <c r="B491" s="128"/>
      <c r="C491" s="219"/>
      <c r="D491" s="131"/>
      <c r="E491" s="116"/>
      <c r="F491" s="131"/>
      <c r="G491" s="238"/>
      <c r="H491" s="221" t="s">
        <v>33</v>
      </c>
      <c r="I491" s="143" t="s">
        <v>11</v>
      </c>
      <c r="J491" s="144" t="s">
        <v>25</v>
      </c>
      <c r="K491" s="145"/>
      <c r="L491" s="147" t="s">
        <v>11</v>
      </c>
      <c r="M491" s="144" t="s">
        <v>29</v>
      </c>
      <c r="N491" s="200"/>
      <c r="O491" s="144"/>
      <c r="P491" s="144"/>
      <c r="Q491" s="144"/>
      <c r="R491" s="144"/>
      <c r="S491" s="144"/>
      <c r="T491" s="144"/>
      <c r="U491" s="144"/>
      <c r="V491" s="144"/>
      <c r="W491" s="144"/>
      <c r="X491" s="144"/>
      <c r="Y491" s="144"/>
      <c r="Z491" s="144"/>
      <c r="AA491" s="144"/>
      <c r="AB491" s="144"/>
      <c r="AC491" s="144"/>
      <c r="AD491" s="144"/>
      <c r="AE491" s="144"/>
      <c r="AF491" s="151"/>
    </row>
    <row r="492" spans="1:32" ht="18.75" customHeight="1" x14ac:dyDescent="0.15">
      <c r="A492" s="127"/>
      <c r="B492" s="128"/>
      <c r="C492" s="219" t="s">
        <v>354</v>
      </c>
      <c r="D492" s="113" t="s">
        <v>11</v>
      </c>
      <c r="E492" s="116" t="s">
        <v>355</v>
      </c>
      <c r="F492" s="131"/>
      <c r="G492" s="238"/>
      <c r="H492" s="477" t="s">
        <v>34</v>
      </c>
      <c r="I492" s="436" t="s">
        <v>11</v>
      </c>
      <c r="J492" s="421" t="s">
        <v>31</v>
      </c>
      <c r="K492" s="421"/>
      <c r="L492" s="421"/>
      <c r="M492" s="436" t="s">
        <v>11</v>
      </c>
      <c r="N492" s="421" t="s">
        <v>32</v>
      </c>
      <c r="O492" s="421"/>
      <c r="P492" s="421"/>
      <c r="Q492" s="169"/>
      <c r="R492" s="169"/>
      <c r="S492" s="169"/>
      <c r="T492" s="169"/>
      <c r="U492" s="169"/>
      <c r="V492" s="169"/>
      <c r="W492" s="169"/>
      <c r="X492" s="169"/>
      <c r="Y492" s="169"/>
      <c r="Z492" s="169"/>
      <c r="AA492" s="169"/>
      <c r="AB492" s="169"/>
      <c r="AC492" s="169"/>
      <c r="AD492" s="169"/>
      <c r="AE492" s="169"/>
      <c r="AF492" s="170"/>
    </row>
    <row r="493" spans="1:32" ht="18.75" customHeight="1" x14ac:dyDescent="0.15">
      <c r="A493" s="113" t="s">
        <v>11</v>
      </c>
      <c r="B493" s="128">
        <v>77</v>
      </c>
      <c r="C493" s="219" t="s">
        <v>356</v>
      </c>
      <c r="D493" s="113" t="s">
        <v>11</v>
      </c>
      <c r="E493" s="116" t="s">
        <v>357</v>
      </c>
      <c r="F493" s="131"/>
      <c r="G493" s="238"/>
      <c r="H493" s="481"/>
      <c r="I493" s="437"/>
      <c r="J493" s="422"/>
      <c r="K493" s="422"/>
      <c r="L493" s="422"/>
      <c r="M493" s="437"/>
      <c r="N493" s="422"/>
      <c r="O493" s="422"/>
      <c r="P493" s="422"/>
      <c r="Q493" s="139"/>
      <c r="R493" s="139"/>
      <c r="S493" s="139"/>
      <c r="T493" s="139"/>
      <c r="U493" s="139"/>
      <c r="V493" s="139"/>
      <c r="W493" s="139"/>
      <c r="X493" s="139"/>
      <c r="Y493" s="139"/>
      <c r="Z493" s="139"/>
      <c r="AA493" s="139"/>
      <c r="AB493" s="139"/>
      <c r="AC493" s="139"/>
      <c r="AD493" s="139"/>
      <c r="AE493" s="139"/>
      <c r="AF493" s="140"/>
    </row>
    <row r="494" spans="1:32" ht="18.75" customHeight="1" x14ac:dyDescent="0.15">
      <c r="A494" s="127"/>
      <c r="B494" s="128"/>
      <c r="C494" s="219" t="s">
        <v>358</v>
      </c>
      <c r="D494" s="131"/>
      <c r="E494" s="116" t="s">
        <v>316</v>
      </c>
      <c r="F494" s="131"/>
      <c r="G494" s="238"/>
      <c r="H494" s="195" t="s">
        <v>80</v>
      </c>
      <c r="I494" s="164" t="s">
        <v>11</v>
      </c>
      <c r="J494" s="144" t="s">
        <v>25</v>
      </c>
      <c r="K494" s="144"/>
      <c r="L494" s="147" t="s">
        <v>11</v>
      </c>
      <c r="M494" s="144" t="s">
        <v>26</v>
      </c>
      <c r="N494" s="144"/>
      <c r="O494" s="168" t="s">
        <v>11</v>
      </c>
      <c r="P494" s="144" t="s">
        <v>27</v>
      </c>
      <c r="Q494" s="200"/>
      <c r="R494" s="168"/>
      <c r="S494" s="144"/>
      <c r="T494" s="200"/>
      <c r="U494" s="168"/>
      <c r="V494" s="144"/>
      <c r="W494" s="200"/>
      <c r="X494" s="139"/>
      <c r="Y494" s="148"/>
      <c r="Z494" s="148"/>
      <c r="AA494" s="148"/>
      <c r="AB494" s="148"/>
      <c r="AC494" s="148"/>
      <c r="AD494" s="148"/>
      <c r="AE494" s="148"/>
      <c r="AF494" s="149"/>
    </row>
    <row r="495" spans="1:32" ht="18.75" customHeight="1" x14ac:dyDescent="0.15">
      <c r="A495" s="127"/>
      <c r="B495" s="128"/>
      <c r="C495" s="219"/>
      <c r="D495" s="131"/>
      <c r="E495" s="116"/>
      <c r="F495" s="131"/>
      <c r="G495" s="238"/>
      <c r="H495" s="323" t="s">
        <v>234</v>
      </c>
      <c r="I495" s="143" t="s">
        <v>11</v>
      </c>
      <c r="J495" s="144" t="s">
        <v>25</v>
      </c>
      <c r="K495" s="145"/>
      <c r="L495" s="147" t="s">
        <v>11</v>
      </c>
      <c r="M495" s="144" t="s">
        <v>29</v>
      </c>
      <c r="N495" s="200"/>
      <c r="O495" s="144"/>
      <c r="P495" s="144"/>
      <c r="Q495" s="144"/>
      <c r="R495" s="144"/>
      <c r="S495" s="144"/>
      <c r="T495" s="144"/>
      <c r="U495" s="144"/>
      <c r="V495" s="144"/>
      <c r="W495" s="144"/>
      <c r="X495" s="144"/>
      <c r="Y495" s="144"/>
      <c r="Z495" s="144"/>
      <c r="AA495" s="144"/>
      <c r="AB495" s="144"/>
      <c r="AC495" s="144"/>
      <c r="AD495" s="144"/>
      <c r="AE495" s="144"/>
      <c r="AF495" s="151"/>
    </row>
    <row r="496" spans="1:32" ht="18.75" customHeight="1" x14ac:dyDescent="0.15">
      <c r="A496" s="130"/>
      <c r="B496" s="159"/>
      <c r="C496" s="269"/>
      <c r="D496" s="101"/>
      <c r="E496" s="101"/>
      <c r="F496" s="131"/>
      <c r="G496" s="238"/>
      <c r="H496" s="142" t="s">
        <v>82</v>
      </c>
      <c r="I496" s="143" t="s">
        <v>11</v>
      </c>
      <c r="J496" s="144" t="s">
        <v>25</v>
      </c>
      <c r="K496" s="145"/>
      <c r="L496" s="147" t="s">
        <v>11</v>
      </c>
      <c r="M496" s="144" t="s">
        <v>29</v>
      </c>
      <c r="N496" s="200"/>
      <c r="O496" s="144"/>
      <c r="P496" s="144"/>
      <c r="Q496" s="144"/>
      <c r="R496" s="144"/>
      <c r="S496" s="144"/>
      <c r="T496" s="144"/>
      <c r="U496" s="144"/>
      <c r="V496" s="144"/>
      <c r="W496" s="144"/>
      <c r="X496" s="144"/>
      <c r="Y496" s="144"/>
      <c r="Z496" s="144"/>
      <c r="AA496" s="144"/>
      <c r="AB496" s="144"/>
      <c r="AC496" s="144"/>
      <c r="AD496" s="144"/>
      <c r="AE496" s="144"/>
      <c r="AF496" s="151"/>
    </row>
    <row r="497" spans="1:32" ht="18.75" customHeight="1" x14ac:dyDescent="0.15">
      <c r="A497" s="130"/>
      <c r="B497" s="159"/>
      <c r="C497" s="269"/>
      <c r="D497" s="130"/>
      <c r="E497" s="159"/>
      <c r="F497" s="131"/>
      <c r="G497" s="238"/>
      <c r="H497" s="312" t="s">
        <v>353</v>
      </c>
      <c r="I497" s="137" t="s">
        <v>11</v>
      </c>
      <c r="J497" s="155" t="s">
        <v>25</v>
      </c>
      <c r="K497" s="160"/>
      <c r="L497" s="196" t="s">
        <v>11</v>
      </c>
      <c r="M497" s="155" t="s">
        <v>29</v>
      </c>
      <c r="N497" s="138"/>
      <c r="O497" s="155"/>
      <c r="P497" s="155"/>
      <c r="Q497" s="155"/>
      <c r="R497" s="155"/>
      <c r="S497" s="155"/>
      <c r="T497" s="155"/>
      <c r="U497" s="155"/>
      <c r="V497" s="155"/>
      <c r="W497" s="155"/>
      <c r="X497" s="155"/>
      <c r="Y497" s="155"/>
      <c r="Z497" s="155"/>
      <c r="AA497" s="155"/>
      <c r="AB497" s="155"/>
      <c r="AC497" s="155"/>
      <c r="AD497" s="155"/>
      <c r="AE497" s="155"/>
      <c r="AF497" s="156"/>
    </row>
    <row r="498" spans="1:32" ht="18.75" customHeight="1" x14ac:dyDescent="0.15">
      <c r="A498" s="130"/>
      <c r="B498" s="159"/>
      <c r="C498" s="269"/>
      <c r="D498" s="101"/>
      <c r="E498" s="101"/>
      <c r="F498" s="131"/>
      <c r="G498" s="238"/>
      <c r="H498" s="323" t="s">
        <v>278</v>
      </c>
      <c r="I498" s="143" t="s">
        <v>11</v>
      </c>
      <c r="J498" s="144" t="s">
        <v>58</v>
      </c>
      <c r="K498" s="145"/>
      <c r="L498" s="200"/>
      <c r="M498" s="147" t="s">
        <v>11</v>
      </c>
      <c r="N498" s="144" t="s">
        <v>59</v>
      </c>
      <c r="O498" s="148"/>
      <c r="P498" s="148"/>
      <c r="Q498" s="148"/>
      <c r="R498" s="144"/>
      <c r="S498" s="144"/>
      <c r="T498" s="144"/>
      <c r="U498" s="144"/>
      <c r="V498" s="144"/>
      <c r="W498" s="144"/>
      <c r="X498" s="144"/>
      <c r="Y498" s="144"/>
      <c r="Z498" s="144"/>
      <c r="AA498" s="144"/>
      <c r="AB498" s="144"/>
      <c r="AC498" s="144"/>
      <c r="AD498" s="144"/>
      <c r="AE498" s="144"/>
      <c r="AF498" s="151"/>
    </row>
    <row r="499" spans="1:32" ht="18.75" customHeight="1" x14ac:dyDescent="0.15">
      <c r="A499" s="127"/>
      <c r="B499" s="128"/>
      <c r="C499" s="129"/>
      <c r="D499" s="101"/>
      <c r="E499" s="116"/>
      <c r="F499" s="131"/>
      <c r="G499" s="132"/>
      <c r="H499" s="150" t="s">
        <v>60</v>
      </c>
      <c r="I499" s="164" t="s">
        <v>11</v>
      </c>
      <c r="J499" s="144" t="s">
        <v>25</v>
      </c>
      <c r="K499" s="145"/>
      <c r="L499" s="147" t="s">
        <v>11</v>
      </c>
      <c r="M499" s="144" t="s">
        <v>29</v>
      </c>
      <c r="N499" s="144"/>
      <c r="O499" s="200"/>
      <c r="P499" s="200"/>
      <c r="Q499" s="200"/>
      <c r="R499" s="200"/>
      <c r="S499" s="200"/>
      <c r="T499" s="200"/>
      <c r="U499" s="200"/>
      <c r="V499" s="200"/>
      <c r="W499" s="200"/>
      <c r="X499" s="200"/>
      <c r="Y499" s="200"/>
      <c r="Z499" s="200"/>
      <c r="AA499" s="200"/>
      <c r="AB499" s="200"/>
      <c r="AC499" s="144"/>
      <c r="AD499" s="144"/>
      <c r="AE499" s="144"/>
      <c r="AF499" s="151"/>
    </row>
    <row r="500" spans="1:32" ht="18.75" customHeight="1" x14ac:dyDescent="0.15">
      <c r="A500" s="127"/>
      <c r="B500" s="128"/>
      <c r="C500" s="219"/>
      <c r="D500" s="206"/>
      <c r="E500" s="116"/>
      <c r="F500" s="131"/>
      <c r="G500" s="238"/>
      <c r="H500" s="323" t="s">
        <v>149</v>
      </c>
      <c r="I500" s="143" t="s">
        <v>11</v>
      </c>
      <c r="J500" s="144" t="s">
        <v>25</v>
      </c>
      <c r="K500" s="145"/>
      <c r="L500" s="147" t="s">
        <v>11</v>
      </c>
      <c r="M500" s="144" t="s">
        <v>29</v>
      </c>
      <c r="N500" s="200"/>
      <c r="O500" s="144"/>
      <c r="P500" s="144"/>
      <c r="Q500" s="144"/>
      <c r="R500" s="144"/>
      <c r="S500" s="144"/>
      <c r="T500" s="144"/>
      <c r="U500" s="144"/>
      <c r="V500" s="144"/>
      <c r="W500" s="144"/>
      <c r="X500" s="144"/>
      <c r="Y500" s="144"/>
      <c r="Z500" s="144"/>
      <c r="AA500" s="144"/>
      <c r="AB500" s="144"/>
      <c r="AC500" s="144"/>
      <c r="AD500" s="144"/>
      <c r="AE500" s="144"/>
      <c r="AF500" s="151"/>
    </row>
    <row r="501" spans="1:32" ht="18.75" customHeight="1" x14ac:dyDescent="0.15">
      <c r="A501" s="127"/>
      <c r="B501" s="128"/>
      <c r="C501" s="129"/>
      <c r="D501" s="130"/>
      <c r="E501" s="116"/>
      <c r="F501" s="131"/>
      <c r="G501" s="132"/>
      <c r="H501" s="150" t="s">
        <v>61</v>
      </c>
      <c r="I501" s="164" t="s">
        <v>11</v>
      </c>
      <c r="J501" s="144" t="s">
        <v>25</v>
      </c>
      <c r="K501" s="145"/>
      <c r="L501" s="147" t="s">
        <v>11</v>
      </c>
      <c r="M501" s="144" t="s">
        <v>29</v>
      </c>
      <c r="N501" s="144"/>
      <c r="O501" s="200"/>
      <c r="P501" s="200"/>
      <c r="Q501" s="200"/>
      <c r="R501" s="200"/>
      <c r="S501" s="200"/>
      <c r="T501" s="200"/>
      <c r="U501" s="200"/>
      <c r="V501" s="200"/>
      <c r="W501" s="200"/>
      <c r="X501" s="200"/>
      <c r="Y501" s="200"/>
      <c r="Z501" s="200"/>
      <c r="AA501" s="200"/>
      <c r="AB501" s="200"/>
      <c r="AC501" s="144"/>
      <c r="AD501" s="144"/>
      <c r="AE501" s="144"/>
      <c r="AF501" s="151"/>
    </row>
    <row r="502" spans="1:32" ht="18.75" customHeight="1" x14ac:dyDescent="0.15">
      <c r="A502" s="127"/>
      <c r="B502" s="128"/>
      <c r="C502" s="219"/>
      <c r="D502" s="131"/>
      <c r="E502" s="116"/>
      <c r="F502" s="131"/>
      <c r="G502" s="238"/>
      <c r="H502" s="323" t="s">
        <v>231</v>
      </c>
      <c r="I502" s="143" t="s">
        <v>11</v>
      </c>
      <c r="J502" s="144" t="s">
        <v>25</v>
      </c>
      <c r="K502" s="144"/>
      <c r="L502" s="147" t="s">
        <v>11</v>
      </c>
      <c r="M502" s="144" t="s">
        <v>56</v>
      </c>
      <c r="N502" s="144"/>
      <c r="O502" s="147" t="s">
        <v>11</v>
      </c>
      <c r="P502" s="144" t="s">
        <v>57</v>
      </c>
      <c r="Q502" s="200"/>
      <c r="R502" s="200"/>
      <c r="S502" s="200"/>
      <c r="T502" s="144"/>
      <c r="U502" s="144"/>
      <c r="V502" s="144"/>
      <c r="W502" s="144"/>
      <c r="X502" s="144"/>
      <c r="Y502" s="144"/>
      <c r="Z502" s="144"/>
      <c r="AA502" s="144"/>
      <c r="AB502" s="144"/>
      <c r="AC502" s="144"/>
      <c r="AD502" s="144"/>
      <c r="AE502" s="144"/>
      <c r="AF502" s="151"/>
    </row>
    <row r="503" spans="1:32" ht="18.75" customHeight="1" x14ac:dyDescent="0.15">
      <c r="A503" s="127"/>
      <c r="B503" s="128"/>
      <c r="C503" s="219"/>
      <c r="D503" s="131"/>
      <c r="E503" s="116"/>
      <c r="F503" s="131"/>
      <c r="G503" s="238"/>
      <c r="H503" s="323" t="s">
        <v>315</v>
      </c>
      <c r="I503" s="143" t="s">
        <v>11</v>
      </c>
      <c r="J503" s="144" t="s">
        <v>25</v>
      </c>
      <c r="K503" s="145"/>
      <c r="L503" s="147" t="s">
        <v>11</v>
      </c>
      <c r="M503" s="144" t="s">
        <v>29</v>
      </c>
      <c r="N503" s="200"/>
      <c r="O503" s="144"/>
      <c r="P503" s="144"/>
      <c r="Q503" s="144"/>
      <c r="R503" s="144"/>
      <c r="S503" s="144"/>
      <c r="T503" s="144"/>
      <c r="U503" s="144"/>
      <c r="V503" s="144"/>
      <c r="W503" s="144"/>
      <c r="X503" s="144"/>
      <c r="Y503" s="144"/>
      <c r="Z503" s="144"/>
      <c r="AA503" s="144"/>
      <c r="AB503" s="144"/>
      <c r="AC503" s="144"/>
      <c r="AD503" s="144"/>
      <c r="AE503" s="144"/>
      <c r="AF503" s="151"/>
    </row>
    <row r="504" spans="1:32" ht="18.75" customHeight="1" x14ac:dyDescent="0.15">
      <c r="A504" s="127"/>
      <c r="B504" s="128"/>
      <c r="C504" s="219"/>
      <c r="D504" s="131"/>
      <c r="E504" s="116"/>
      <c r="F504" s="131"/>
      <c r="G504" s="238"/>
      <c r="H504" s="226" t="s">
        <v>279</v>
      </c>
      <c r="I504" s="143" t="s">
        <v>11</v>
      </c>
      <c r="J504" s="144" t="s">
        <v>25</v>
      </c>
      <c r="K504" s="145"/>
      <c r="L504" s="147" t="s">
        <v>11</v>
      </c>
      <c r="M504" s="144" t="s">
        <v>56</v>
      </c>
      <c r="N504" s="144"/>
      <c r="O504" s="168" t="s">
        <v>11</v>
      </c>
      <c r="P504" s="153" t="s">
        <v>57</v>
      </c>
      <c r="Q504" s="144"/>
      <c r="R504" s="144"/>
      <c r="S504" s="145"/>
      <c r="T504" s="144"/>
      <c r="U504" s="145"/>
      <c r="V504" s="145"/>
      <c r="W504" s="145"/>
      <c r="X504" s="145"/>
      <c r="Y504" s="144"/>
      <c r="Z504" s="144"/>
      <c r="AA504" s="144"/>
      <c r="AB504" s="144"/>
      <c r="AC504" s="144"/>
      <c r="AD504" s="144"/>
      <c r="AE504" s="144"/>
      <c r="AF504" s="151"/>
    </row>
    <row r="505" spans="1:32" ht="18.75" customHeight="1" x14ac:dyDescent="0.15">
      <c r="A505" s="127"/>
      <c r="B505" s="128"/>
      <c r="C505" s="219"/>
      <c r="D505" s="131"/>
      <c r="E505" s="116"/>
      <c r="F505" s="131"/>
      <c r="G505" s="238"/>
      <c r="H505" s="323" t="s">
        <v>376</v>
      </c>
      <c r="I505" s="143" t="s">
        <v>11</v>
      </c>
      <c r="J505" s="144" t="s">
        <v>25</v>
      </c>
      <c r="K505" s="145"/>
      <c r="L505" s="147" t="s">
        <v>11</v>
      </c>
      <c r="M505" s="144" t="s">
        <v>29</v>
      </c>
      <c r="N505" s="200"/>
      <c r="O505" s="144"/>
      <c r="P505" s="144"/>
      <c r="Q505" s="144"/>
      <c r="R505" s="144"/>
      <c r="S505" s="144"/>
      <c r="T505" s="144"/>
      <c r="U505" s="144"/>
      <c r="V505" s="144"/>
      <c r="W505" s="144"/>
      <c r="X505" s="144"/>
      <c r="Y505" s="144"/>
      <c r="Z505" s="144"/>
      <c r="AA505" s="144"/>
      <c r="AB505" s="144"/>
      <c r="AC505" s="144"/>
      <c r="AD505" s="144"/>
      <c r="AE505" s="144"/>
      <c r="AF505" s="151"/>
    </row>
    <row r="506" spans="1:32" ht="18.75" customHeight="1" x14ac:dyDescent="0.15">
      <c r="A506" s="127"/>
      <c r="B506" s="128"/>
      <c r="C506" s="219"/>
      <c r="D506" s="131"/>
      <c r="E506" s="116"/>
      <c r="F506" s="131"/>
      <c r="G506" s="238"/>
      <c r="H506" s="323" t="s">
        <v>146</v>
      </c>
      <c r="I506" s="143" t="s">
        <v>11</v>
      </c>
      <c r="J506" s="144" t="s">
        <v>25</v>
      </c>
      <c r="K506" s="145"/>
      <c r="L506" s="147" t="s">
        <v>11</v>
      </c>
      <c r="M506" s="144" t="s">
        <v>29</v>
      </c>
      <c r="N506" s="200"/>
      <c r="O506" s="144"/>
      <c r="P506" s="144"/>
      <c r="Q506" s="144"/>
      <c r="R506" s="144"/>
      <c r="S506" s="144"/>
      <c r="T506" s="144"/>
      <c r="U506" s="144"/>
      <c r="V506" s="144"/>
      <c r="W506" s="144"/>
      <c r="X506" s="144"/>
      <c r="Y506" s="144"/>
      <c r="Z506" s="144"/>
      <c r="AA506" s="144"/>
      <c r="AB506" s="144"/>
      <c r="AC506" s="144"/>
      <c r="AD506" s="144"/>
      <c r="AE506" s="144"/>
      <c r="AF506" s="151"/>
    </row>
    <row r="507" spans="1:32" ht="18.75" customHeight="1" x14ac:dyDescent="0.15">
      <c r="A507" s="171"/>
      <c r="B507" s="172"/>
      <c r="C507" s="270"/>
      <c r="D507" s="176"/>
      <c r="E507" s="175"/>
      <c r="F507" s="176"/>
      <c r="G507" s="234"/>
      <c r="H507" s="328" t="s">
        <v>84</v>
      </c>
      <c r="I507" s="207" t="s">
        <v>11</v>
      </c>
      <c r="J507" s="208" t="s">
        <v>25</v>
      </c>
      <c r="K507" s="215"/>
      <c r="L507" s="209" t="s">
        <v>11</v>
      </c>
      <c r="M507" s="208" t="s">
        <v>29</v>
      </c>
      <c r="N507" s="329"/>
      <c r="O507" s="208"/>
      <c r="P507" s="208"/>
      <c r="Q507" s="208"/>
      <c r="R507" s="208"/>
      <c r="S507" s="208"/>
      <c r="T507" s="208"/>
      <c r="U507" s="208"/>
      <c r="V507" s="208"/>
      <c r="W507" s="208"/>
      <c r="X507" s="208"/>
      <c r="Y507" s="208"/>
      <c r="Z507" s="208"/>
      <c r="AA507" s="208"/>
      <c r="AB507" s="208"/>
      <c r="AC507" s="208"/>
      <c r="AD507" s="208"/>
      <c r="AE507" s="208"/>
      <c r="AF507" s="258"/>
    </row>
    <row r="508" spans="1:32" ht="18.75" customHeight="1" x14ac:dyDescent="0.15">
      <c r="A508" s="117"/>
      <c r="B508" s="118"/>
      <c r="C508" s="318"/>
      <c r="D508" s="225"/>
      <c r="E508" s="225"/>
      <c r="F508" s="121"/>
      <c r="G508" s="125"/>
      <c r="H508" s="339" t="s">
        <v>66</v>
      </c>
      <c r="I508" s="187" t="s">
        <v>11</v>
      </c>
      <c r="J508" s="188" t="s">
        <v>25</v>
      </c>
      <c r="K508" s="188"/>
      <c r="L508" s="190"/>
      <c r="M508" s="191" t="s">
        <v>11</v>
      </c>
      <c r="N508" s="188" t="s">
        <v>67</v>
      </c>
      <c r="O508" s="188"/>
      <c r="P508" s="190"/>
      <c r="Q508" s="191" t="s">
        <v>11</v>
      </c>
      <c r="R508" s="217" t="s">
        <v>68</v>
      </c>
      <c r="S508" s="217"/>
      <c r="T508" s="217"/>
      <c r="U508" s="217"/>
      <c r="V508" s="188"/>
      <c r="W508" s="188"/>
      <c r="X508" s="188"/>
      <c r="Y508" s="188"/>
      <c r="Z508" s="188"/>
      <c r="AA508" s="188"/>
      <c r="AB508" s="188"/>
      <c r="AC508" s="188"/>
      <c r="AD508" s="188"/>
      <c r="AE508" s="188"/>
      <c r="AF508" s="256"/>
    </row>
    <row r="509" spans="1:32" ht="18.75" customHeight="1" x14ac:dyDescent="0.15">
      <c r="A509" s="113" t="s">
        <v>11</v>
      </c>
      <c r="B509" s="128">
        <v>79</v>
      </c>
      <c r="C509" s="219" t="s">
        <v>354</v>
      </c>
      <c r="D509" s="245" t="s">
        <v>11</v>
      </c>
      <c r="E509" s="116" t="s">
        <v>355</v>
      </c>
      <c r="F509" s="131"/>
      <c r="G509" s="238"/>
      <c r="H509" s="142" t="s">
        <v>22</v>
      </c>
      <c r="I509" s="143" t="s">
        <v>11</v>
      </c>
      <c r="J509" s="144" t="s">
        <v>23</v>
      </c>
      <c r="K509" s="145"/>
      <c r="L509" s="146"/>
      <c r="M509" s="147" t="s">
        <v>11</v>
      </c>
      <c r="N509" s="144" t="s">
        <v>24</v>
      </c>
      <c r="O509" s="147"/>
      <c r="P509" s="144"/>
      <c r="Q509" s="148"/>
      <c r="R509" s="148"/>
      <c r="S509" s="148"/>
      <c r="T509" s="148"/>
      <c r="U509" s="148"/>
      <c r="V509" s="148"/>
      <c r="W509" s="148"/>
      <c r="X509" s="148"/>
      <c r="Y509" s="148"/>
      <c r="Z509" s="148"/>
      <c r="AA509" s="148"/>
      <c r="AB509" s="148"/>
      <c r="AC509" s="148"/>
      <c r="AD509" s="148"/>
      <c r="AE509" s="148"/>
      <c r="AF509" s="255"/>
    </row>
    <row r="510" spans="1:32" ht="18.75" customHeight="1" x14ac:dyDescent="0.15">
      <c r="A510" s="127"/>
      <c r="B510" s="128"/>
      <c r="C510" s="219" t="s">
        <v>377</v>
      </c>
      <c r="D510" s="113" t="s">
        <v>11</v>
      </c>
      <c r="E510" s="116" t="s">
        <v>357</v>
      </c>
      <c r="F510" s="131"/>
      <c r="G510" s="238"/>
      <c r="H510" s="142" t="s">
        <v>69</v>
      </c>
      <c r="I510" s="143" t="s">
        <v>11</v>
      </c>
      <c r="J510" s="144" t="s">
        <v>23</v>
      </c>
      <c r="K510" s="145"/>
      <c r="L510" s="146"/>
      <c r="M510" s="147" t="s">
        <v>11</v>
      </c>
      <c r="N510" s="144" t="s">
        <v>24</v>
      </c>
      <c r="O510" s="147"/>
      <c r="P510" s="144"/>
      <c r="Q510" s="148"/>
      <c r="R510" s="148"/>
      <c r="S510" s="148"/>
      <c r="T510" s="148"/>
      <c r="U510" s="148"/>
      <c r="V510" s="148"/>
      <c r="W510" s="148"/>
      <c r="X510" s="148"/>
      <c r="Y510" s="148"/>
      <c r="Z510" s="148"/>
      <c r="AA510" s="148"/>
      <c r="AB510" s="148"/>
      <c r="AC510" s="148"/>
      <c r="AD510" s="148"/>
      <c r="AE510" s="148"/>
      <c r="AF510" s="255"/>
    </row>
    <row r="511" spans="1:32" ht="18.75" customHeight="1" x14ac:dyDescent="0.15">
      <c r="A511" s="127"/>
      <c r="B511" s="128"/>
      <c r="C511" s="219" t="s">
        <v>378</v>
      </c>
      <c r="D511" s="130"/>
      <c r="E511" s="116" t="s">
        <v>379</v>
      </c>
      <c r="F511" s="131"/>
      <c r="G511" s="238"/>
      <c r="H511" s="477" t="s">
        <v>63</v>
      </c>
      <c r="I511" s="436" t="s">
        <v>11</v>
      </c>
      <c r="J511" s="421" t="s">
        <v>31</v>
      </c>
      <c r="K511" s="421"/>
      <c r="L511" s="421"/>
      <c r="M511" s="436" t="s">
        <v>11</v>
      </c>
      <c r="N511" s="421" t="s">
        <v>32</v>
      </c>
      <c r="O511" s="421"/>
      <c r="P511" s="421"/>
      <c r="Q511" s="169"/>
      <c r="R511" s="169"/>
      <c r="S511" s="169"/>
      <c r="T511" s="169"/>
      <c r="U511" s="169"/>
      <c r="V511" s="169"/>
      <c r="W511" s="169"/>
      <c r="X511" s="169"/>
      <c r="Y511" s="169"/>
      <c r="Z511" s="169"/>
      <c r="AA511" s="169"/>
      <c r="AB511" s="169"/>
      <c r="AC511" s="169"/>
      <c r="AD511" s="169"/>
      <c r="AE511" s="169"/>
      <c r="AF511" s="170"/>
    </row>
    <row r="512" spans="1:32" ht="18.75" customHeight="1" x14ac:dyDescent="0.15">
      <c r="A512" s="130"/>
      <c r="B512" s="213"/>
      <c r="C512" s="214"/>
      <c r="D512" s="246"/>
      <c r="E512" s="246"/>
      <c r="F512" s="131"/>
      <c r="G512" s="238"/>
      <c r="H512" s="487"/>
      <c r="I512" s="488"/>
      <c r="J512" s="489"/>
      <c r="K512" s="489"/>
      <c r="L512" s="489"/>
      <c r="M512" s="488"/>
      <c r="N512" s="489"/>
      <c r="O512" s="489"/>
      <c r="P512" s="489"/>
      <c r="Q512" s="340"/>
      <c r="R512" s="340"/>
      <c r="S512" s="340"/>
      <c r="T512" s="340"/>
      <c r="U512" s="340"/>
      <c r="V512" s="340"/>
      <c r="W512" s="340"/>
      <c r="X512" s="340"/>
      <c r="Y512" s="340"/>
      <c r="Z512" s="340"/>
      <c r="AA512" s="340"/>
      <c r="AB512" s="340"/>
      <c r="AC512" s="340"/>
      <c r="AD512" s="340"/>
      <c r="AE512" s="340"/>
      <c r="AF512" s="341"/>
    </row>
    <row r="513" spans="1:32" ht="18.75" customHeight="1" x14ac:dyDescent="0.15">
      <c r="A513" s="117"/>
      <c r="B513" s="118"/>
      <c r="C513" s="216"/>
      <c r="D513" s="121"/>
      <c r="E513" s="112"/>
      <c r="F513" s="121"/>
      <c r="G513" s="125"/>
      <c r="H513" s="325" t="s">
        <v>89</v>
      </c>
      <c r="I513" s="137" t="s">
        <v>11</v>
      </c>
      <c r="J513" s="155" t="s">
        <v>25</v>
      </c>
      <c r="K513" s="155"/>
      <c r="L513" s="199"/>
      <c r="M513" s="196" t="s">
        <v>11</v>
      </c>
      <c r="N513" s="155" t="s">
        <v>67</v>
      </c>
      <c r="O513" s="155"/>
      <c r="P513" s="199"/>
      <c r="Q513" s="196" t="s">
        <v>11</v>
      </c>
      <c r="R513" s="138" t="s">
        <v>68</v>
      </c>
      <c r="S513" s="138"/>
      <c r="T513" s="138"/>
      <c r="U513" s="138"/>
      <c r="V513" s="155"/>
      <c r="W513" s="155"/>
      <c r="X513" s="155"/>
      <c r="Y513" s="155"/>
      <c r="Z513" s="155"/>
      <c r="AA513" s="155"/>
      <c r="AB513" s="155"/>
      <c r="AC513" s="155"/>
      <c r="AD513" s="155"/>
      <c r="AE513" s="155"/>
      <c r="AF513" s="156"/>
    </row>
    <row r="514" spans="1:32" ht="19.5" customHeight="1" x14ac:dyDescent="0.15">
      <c r="A514" s="127"/>
      <c r="B514" s="128"/>
      <c r="C514" s="129"/>
      <c r="D514" s="130"/>
      <c r="E514" s="116"/>
      <c r="F514" s="131"/>
      <c r="G514" s="132"/>
      <c r="H514" s="142" t="s">
        <v>22</v>
      </c>
      <c r="I514" s="143" t="s">
        <v>11</v>
      </c>
      <c r="J514" s="144" t="s">
        <v>23</v>
      </c>
      <c r="K514" s="145"/>
      <c r="L514" s="146"/>
      <c r="M514" s="147" t="s">
        <v>11</v>
      </c>
      <c r="N514" s="144" t="s">
        <v>24</v>
      </c>
      <c r="O514" s="147"/>
      <c r="P514" s="144"/>
      <c r="Q514" s="148"/>
      <c r="R514" s="148"/>
      <c r="S514" s="148"/>
      <c r="T514" s="148"/>
      <c r="U514" s="148"/>
      <c r="V514" s="148"/>
      <c r="W514" s="148"/>
      <c r="X514" s="148"/>
      <c r="Y514" s="148"/>
      <c r="Z514" s="148"/>
      <c r="AA514" s="148"/>
      <c r="AB514" s="148"/>
      <c r="AC514" s="148"/>
      <c r="AD514" s="148"/>
      <c r="AE514" s="148"/>
      <c r="AF514" s="255"/>
    </row>
    <row r="515" spans="1:32" ht="19.5" customHeight="1" x14ac:dyDescent="0.15">
      <c r="A515" s="127"/>
      <c r="B515" s="128"/>
      <c r="C515" s="129"/>
      <c r="D515" s="130"/>
      <c r="E515" s="116"/>
      <c r="F515" s="131"/>
      <c r="G515" s="132"/>
      <c r="H515" s="142" t="s">
        <v>69</v>
      </c>
      <c r="I515" s="143" t="s">
        <v>11</v>
      </c>
      <c r="J515" s="144" t="s">
        <v>23</v>
      </c>
      <c r="K515" s="145"/>
      <c r="L515" s="146"/>
      <c r="M515" s="147" t="s">
        <v>11</v>
      </c>
      <c r="N515" s="144" t="s">
        <v>24</v>
      </c>
      <c r="O515" s="147"/>
      <c r="P515" s="144"/>
      <c r="Q515" s="148"/>
      <c r="R515" s="148"/>
      <c r="S515" s="148"/>
      <c r="T515" s="148"/>
      <c r="U515" s="148"/>
      <c r="V515" s="148"/>
      <c r="W515" s="148"/>
      <c r="X515" s="148"/>
      <c r="Y515" s="148"/>
      <c r="Z515" s="148"/>
      <c r="AA515" s="148"/>
      <c r="AB515" s="148"/>
      <c r="AC515" s="148"/>
      <c r="AD515" s="148"/>
      <c r="AE515" s="148"/>
      <c r="AF515" s="255"/>
    </row>
    <row r="516" spans="1:32" ht="18.75" customHeight="1" x14ac:dyDescent="0.15">
      <c r="A516" s="127"/>
      <c r="B516" s="128"/>
      <c r="C516" s="219"/>
      <c r="D516" s="131"/>
      <c r="E516" s="116"/>
      <c r="F516" s="131"/>
      <c r="G516" s="238"/>
      <c r="H516" s="323" t="s">
        <v>293</v>
      </c>
      <c r="I516" s="143" t="s">
        <v>11</v>
      </c>
      <c r="J516" s="144" t="s">
        <v>58</v>
      </c>
      <c r="K516" s="145"/>
      <c r="L516" s="200"/>
      <c r="M516" s="147" t="s">
        <v>11</v>
      </c>
      <c r="N516" s="144" t="s">
        <v>59</v>
      </c>
      <c r="O516" s="148"/>
      <c r="P516" s="148"/>
      <c r="Q516" s="148"/>
      <c r="R516" s="144"/>
      <c r="S516" s="144"/>
      <c r="T516" s="144"/>
      <c r="U516" s="144"/>
      <c r="V516" s="144"/>
      <c r="W516" s="144"/>
      <c r="X516" s="144"/>
      <c r="Y516" s="144"/>
      <c r="Z516" s="144"/>
      <c r="AA516" s="144"/>
      <c r="AB516" s="144"/>
      <c r="AC516" s="144"/>
      <c r="AD516" s="144"/>
      <c r="AE516" s="144"/>
      <c r="AF516" s="151"/>
    </row>
    <row r="517" spans="1:32" ht="18.75" customHeight="1" x14ac:dyDescent="0.15">
      <c r="A517" s="127"/>
      <c r="B517" s="128"/>
      <c r="C517" s="219"/>
      <c r="D517" s="113" t="s">
        <v>11</v>
      </c>
      <c r="E517" s="116" t="s">
        <v>101</v>
      </c>
      <c r="F517" s="131"/>
      <c r="G517" s="238"/>
      <c r="H517" s="221" t="s">
        <v>77</v>
      </c>
      <c r="I517" s="143" t="s">
        <v>11</v>
      </c>
      <c r="J517" s="144" t="s">
        <v>25</v>
      </c>
      <c r="K517" s="144"/>
      <c r="L517" s="147" t="s">
        <v>11</v>
      </c>
      <c r="M517" s="144" t="s">
        <v>26</v>
      </c>
      <c r="N517" s="144"/>
      <c r="O517" s="147" t="s">
        <v>11</v>
      </c>
      <c r="P517" s="144" t="s">
        <v>27</v>
      </c>
      <c r="Q517" s="200"/>
      <c r="R517" s="200"/>
      <c r="S517" s="257"/>
      <c r="T517" s="257"/>
      <c r="U517" s="257"/>
      <c r="V517" s="257"/>
      <c r="W517" s="257"/>
      <c r="X517" s="257"/>
      <c r="Y517" s="257"/>
      <c r="Z517" s="257"/>
      <c r="AA517" s="257"/>
      <c r="AB517" s="257"/>
      <c r="AC517" s="257"/>
      <c r="AD517" s="257"/>
      <c r="AE517" s="257"/>
      <c r="AF517" s="327"/>
    </row>
    <row r="518" spans="1:32" ht="18.75" customHeight="1" x14ac:dyDescent="0.15">
      <c r="A518" s="113" t="s">
        <v>11</v>
      </c>
      <c r="B518" s="128">
        <v>74</v>
      </c>
      <c r="C518" s="219" t="s">
        <v>360</v>
      </c>
      <c r="D518" s="113" t="s">
        <v>11</v>
      </c>
      <c r="E518" s="116" t="s">
        <v>306</v>
      </c>
      <c r="F518" s="131"/>
      <c r="G518" s="238"/>
      <c r="H518" s="221" t="s">
        <v>97</v>
      </c>
      <c r="I518" s="143" t="s">
        <v>11</v>
      </c>
      <c r="J518" s="144" t="s">
        <v>25</v>
      </c>
      <c r="K518" s="144"/>
      <c r="L518" s="147" t="s">
        <v>11</v>
      </c>
      <c r="M518" s="144" t="s">
        <v>56</v>
      </c>
      <c r="N518" s="144"/>
      <c r="O518" s="147" t="s">
        <v>11</v>
      </c>
      <c r="P518" s="144" t="s">
        <v>57</v>
      </c>
      <c r="Q518" s="200"/>
      <c r="R518" s="200"/>
      <c r="S518" s="200"/>
      <c r="T518" s="144"/>
      <c r="U518" s="144"/>
      <c r="V518" s="144"/>
      <c r="W518" s="144"/>
      <c r="X518" s="144"/>
      <c r="Y518" s="144"/>
      <c r="Z518" s="144"/>
      <c r="AA518" s="144"/>
      <c r="AB518" s="144"/>
      <c r="AC518" s="144"/>
      <c r="AD518" s="144"/>
      <c r="AE518" s="144"/>
      <c r="AF518" s="151"/>
    </row>
    <row r="519" spans="1:32" ht="18.75" customHeight="1" x14ac:dyDescent="0.15">
      <c r="A519" s="127"/>
      <c r="B519" s="128"/>
      <c r="C519" s="219" t="s">
        <v>76</v>
      </c>
      <c r="D519" s="113" t="s">
        <v>11</v>
      </c>
      <c r="E519" s="116" t="s">
        <v>307</v>
      </c>
      <c r="F519" s="131"/>
      <c r="G519" s="238"/>
      <c r="H519" s="221" t="s">
        <v>110</v>
      </c>
      <c r="I519" s="143" t="s">
        <v>11</v>
      </c>
      <c r="J519" s="144" t="s">
        <v>25</v>
      </c>
      <c r="K519" s="145"/>
      <c r="L519" s="147" t="s">
        <v>11</v>
      </c>
      <c r="M519" s="144" t="s">
        <v>29</v>
      </c>
      <c r="N519" s="200"/>
      <c r="O519" s="144"/>
      <c r="P519" s="144"/>
      <c r="Q519" s="144"/>
      <c r="R519" s="144"/>
      <c r="S519" s="144"/>
      <c r="T519" s="144"/>
      <c r="U519" s="144"/>
      <c r="V519" s="144"/>
      <c r="W519" s="144"/>
      <c r="X519" s="144"/>
      <c r="Y519" s="144"/>
      <c r="Z519" s="144"/>
      <c r="AA519" s="144"/>
      <c r="AB519" s="144"/>
      <c r="AC519" s="144"/>
      <c r="AD519" s="144"/>
      <c r="AE519" s="144"/>
      <c r="AF519" s="151"/>
    </row>
    <row r="520" spans="1:32" ht="18.75" customHeight="1" x14ac:dyDescent="0.15">
      <c r="A520" s="127"/>
      <c r="B520" s="128"/>
      <c r="C520" s="219"/>
      <c r="D520" s="131"/>
      <c r="E520" s="116"/>
      <c r="F520" s="131"/>
      <c r="G520" s="238"/>
      <c r="H520" s="323" t="s">
        <v>309</v>
      </c>
      <c r="I520" s="143" t="s">
        <v>11</v>
      </c>
      <c r="J520" s="144" t="s">
        <v>25</v>
      </c>
      <c r="K520" s="145"/>
      <c r="L520" s="147" t="s">
        <v>11</v>
      </c>
      <c r="M520" s="144" t="s">
        <v>29</v>
      </c>
      <c r="N520" s="200"/>
      <c r="O520" s="144"/>
      <c r="P520" s="144"/>
      <c r="Q520" s="144"/>
      <c r="R520" s="144"/>
      <c r="S520" s="144"/>
      <c r="T520" s="144"/>
      <c r="U520" s="144"/>
      <c r="V520" s="144"/>
      <c r="W520" s="144"/>
      <c r="X520" s="144"/>
      <c r="Y520" s="144"/>
      <c r="Z520" s="144"/>
      <c r="AA520" s="144"/>
      <c r="AB520" s="144"/>
      <c r="AC520" s="144"/>
      <c r="AD520" s="144"/>
      <c r="AE520" s="144"/>
      <c r="AF520" s="151"/>
    </row>
    <row r="521" spans="1:32" ht="18.75" customHeight="1" x14ac:dyDescent="0.15">
      <c r="A521" s="127"/>
      <c r="B521" s="128"/>
      <c r="C521" s="219"/>
      <c r="D521" s="131"/>
      <c r="E521" s="116"/>
      <c r="F521" s="131"/>
      <c r="G521" s="238"/>
      <c r="H521" s="114" t="s">
        <v>82</v>
      </c>
      <c r="I521" s="143" t="s">
        <v>11</v>
      </c>
      <c r="J521" s="144" t="s">
        <v>25</v>
      </c>
      <c r="K521" s="145"/>
      <c r="L521" s="147" t="s">
        <v>11</v>
      </c>
      <c r="M521" s="144" t="s">
        <v>29</v>
      </c>
      <c r="N521" s="200"/>
      <c r="O521" s="144"/>
      <c r="P521" s="144"/>
      <c r="Q521" s="144"/>
      <c r="R521" s="144"/>
      <c r="S521" s="144"/>
      <c r="T521" s="144"/>
      <c r="U521" s="144"/>
      <c r="V521" s="144"/>
      <c r="W521" s="144"/>
      <c r="X521" s="144"/>
      <c r="Y521" s="144"/>
      <c r="Z521" s="144"/>
      <c r="AA521" s="144"/>
      <c r="AB521" s="144"/>
      <c r="AC521" s="144"/>
      <c r="AD521" s="144"/>
      <c r="AE521" s="144"/>
      <c r="AF521" s="151"/>
    </row>
    <row r="522" spans="1:32" ht="18.75" customHeight="1" x14ac:dyDescent="0.15">
      <c r="A522" s="127"/>
      <c r="B522" s="128"/>
      <c r="C522" s="219"/>
      <c r="D522" s="131"/>
      <c r="E522" s="116"/>
      <c r="F522" s="206"/>
      <c r="G522" s="238"/>
      <c r="H522" s="221" t="s">
        <v>83</v>
      </c>
      <c r="I522" s="143" t="s">
        <v>11</v>
      </c>
      <c r="J522" s="144" t="s">
        <v>25</v>
      </c>
      <c r="K522" s="145"/>
      <c r="L522" s="147" t="s">
        <v>11</v>
      </c>
      <c r="M522" s="144" t="s">
        <v>29</v>
      </c>
      <c r="N522" s="200"/>
      <c r="O522" s="144"/>
      <c r="P522" s="144"/>
      <c r="Q522" s="144"/>
      <c r="R522" s="144"/>
      <c r="S522" s="144"/>
      <c r="T522" s="144"/>
      <c r="U522" s="144"/>
      <c r="V522" s="144"/>
      <c r="W522" s="144"/>
      <c r="X522" s="144"/>
      <c r="Y522" s="144"/>
      <c r="Z522" s="144"/>
      <c r="AA522" s="144"/>
      <c r="AB522" s="144"/>
      <c r="AC522" s="144"/>
      <c r="AD522" s="144"/>
      <c r="AE522" s="144"/>
      <c r="AF522" s="151"/>
    </row>
    <row r="523" spans="1:32" ht="18.75" customHeight="1" x14ac:dyDescent="0.15">
      <c r="A523" s="127"/>
      <c r="B523" s="128"/>
      <c r="C523" s="219"/>
      <c r="D523" s="206"/>
      <c r="E523" s="116"/>
      <c r="F523" s="206"/>
      <c r="G523" s="238"/>
      <c r="H523" s="342" t="s">
        <v>84</v>
      </c>
      <c r="I523" s="164" t="s">
        <v>11</v>
      </c>
      <c r="J523" s="153" t="s">
        <v>25</v>
      </c>
      <c r="K523" s="162"/>
      <c r="L523" s="168" t="s">
        <v>11</v>
      </c>
      <c r="M523" s="153" t="s">
        <v>29</v>
      </c>
      <c r="N523" s="202"/>
      <c r="O523" s="153"/>
      <c r="P523" s="153"/>
      <c r="Q523" s="153"/>
      <c r="R523" s="153"/>
      <c r="S523" s="153"/>
      <c r="T523" s="153"/>
      <c r="U523" s="153"/>
      <c r="V523" s="153"/>
      <c r="W523" s="153"/>
      <c r="X523" s="153"/>
      <c r="Y523" s="153"/>
      <c r="Z523" s="153"/>
      <c r="AA523" s="153"/>
      <c r="AB523" s="153"/>
      <c r="AC523" s="153"/>
      <c r="AD523" s="153"/>
      <c r="AE523" s="153"/>
      <c r="AF523" s="157"/>
    </row>
    <row r="524" spans="1:32" ht="18.75" customHeight="1" x14ac:dyDescent="0.15">
      <c r="A524" s="343"/>
      <c r="B524" s="344"/>
      <c r="C524" s="345"/>
      <c r="D524" s="346"/>
      <c r="E524" s="347"/>
      <c r="F524" s="346"/>
      <c r="G524" s="348"/>
      <c r="H524" s="349" t="s">
        <v>89</v>
      </c>
      <c r="I524" s="350" t="s">
        <v>11</v>
      </c>
      <c r="J524" s="351" t="s">
        <v>25</v>
      </c>
      <c r="K524" s="351"/>
      <c r="L524" s="346"/>
      <c r="M524" s="352" t="s">
        <v>11</v>
      </c>
      <c r="N524" s="351" t="s">
        <v>67</v>
      </c>
      <c r="O524" s="351"/>
      <c r="P524" s="346"/>
      <c r="Q524" s="352" t="s">
        <v>11</v>
      </c>
      <c r="R524" s="353" t="s">
        <v>68</v>
      </c>
      <c r="S524" s="353"/>
      <c r="T524" s="353"/>
      <c r="U524" s="353"/>
      <c r="V524" s="351"/>
      <c r="W524" s="351"/>
      <c r="X524" s="351"/>
      <c r="Y524" s="351"/>
      <c r="Z524" s="351"/>
      <c r="AA524" s="351"/>
      <c r="AB524" s="351"/>
      <c r="AC524" s="351"/>
      <c r="AD524" s="351"/>
      <c r="AE524" s="351"/>
      <c r="AF524" s="303"/>
    </row>
    <row r="525" spans="1:32" ht="19.5" customHeight="1" x14ac:dyDescent="0.15">
      <c r="A525" s="127"/>
      <c r="B525" s="302"/>
      <c r="C525" s="354"/>
      <c r="D525" s="101"/>
      <c r="E525" s="274"/>
      <c r="F525" s="206"/>
      <c r="G525" s="114"/>
      <c r="H525" s="372" t="s">
        <v>22</v>
      </c>
      <c r="I525" s="356" t="s">
        <v>11</v>
      </c>
      <c r="J525" s="355" t="s">
        <v>23</v>
      </c>
      <c r="K525" s="357"/>
      <c r="L525" s="358"/>
      <c r="M525" s="359" t="s">
        <v>11</v>
      </c>
      <c r="N525" s="355" t="s">
        <v>24</v>
      </c>
      <c r="O525" s="359"/>
      <c r="P525" s="355"/>
      <c r="Q525" s="360"/>
      <c r="R525" s="360"/>
      <c r="S525" s="360"/>
      <c r="T525" s="360"/>
      <c r="U525" s="360"/>
      <c r="V525" s="360"/>
      <c r="W525" s="360"/>
      <c r="X525" s="360"/>
      <c r="Y525" s="360"/>
      <c r="Z525" s="360"/>
      <c r="AA525" s="360"/>
      <c r="AB525" s="360"/>
      <c r="AC525" s="360"/>
      <c r="AD525" s="360"/>
      <c r="AE525" s="360"/>
      <c r="AF525" s="361"/>
    </row>
    <row r="526" spans="1:32" ht="19.5" customHeight="1" x14ac:dyDescent="0.15">
      <c r="A526" s="127"/>
      <c r="B526" s="128"/>
      <c r="C526" s="362"/>
      <c r="D526" s="101"/>
      <c r="E526" s="274"/>
      <c r="F526" s="206"/>
      <c r="G526" s="273"/>
      <c r="H526" s="155" t="s">
        <v>69</v>
      </c>
      <c r="I526" s="137" t="s">
        <v>11</v>
      </c>
      <c r="J526" s="155" t="s">
        <v>23</v>
      </c>
      <c r="K526" s="160"/>
      <c r="L526" s="199"/>
      <c r="M526" s="196" t="s">
        <v>11</v>
      </c>
      <c r="N526" s="155" t="s">
        <v>24</v>
      </c>
      <c r="O526" s="196"/>
      <c r="P526" s="155"/>
      <c r="Q526" s="139"/>
      <c r="R526" s="139"/>
      <c r="S526" s="139"/>
      <c r="T526" s="139"/>
      <c r="U526" s="139"/>
      <c r="V526" s="139"/>
      <c r="W526" s="139"/>
      <c r="X526" s="139"/>
      <c r="Y526" s="139"/>
      <c r="Z526" s="139"/>
      <c r="AA526" s="139"/>
      <c r="AB526" s="139"/>
      <c r="AC526" s="139"/>
      <c r="AD526" s="139"/>
      <c r="AE526" s="139"/>
      <c r="AF526" s="326"/>
    </row>
    <row r="527" spans="1:32" ht="18.75" customHeight="1" x14ac:dyDescent="0.15">
      <c r="A527" s="127"/>
      <c r="B527" s="128"/>
      <c r="C527" s="219"/>
      <c r="D527" s="131"/>
      <c r="E527" s="116"/>
      <c r="F527" s="131"/>
      <c r="G527" s="238"/>
      <c r="H527" s="323" t="s">
        <v>62</v>
      </c>
      <c r="I527" s="143" t="s">
        <v>11</v>
      </c>
      <c r="J527" s="144" t="s">
        <v>25</v>
      </c>
      <c r="K527" s="145"/>
      <c r="L527" s="147" t="s">
        <v>11</v>
      </c>
      <c r="M527" s="144" t="s">
        <v>29</v>
      </c>
      <c r="N527" s="200"/>
      <c r="O527" s="144"/>
      <c r="P527" s="144"/>
      <c r="Q527" s="144"/>
      <c r="R527" s="144"/>
      <c r="S527" s="144"/>
      <c r="T527" s="144"/>
      <c r="U527" s="144"/>
      <c r="V527" s="144"/>
      <c r="W527" s="144"/>
      <c r="X527" s="144"/>
      <c r="Y527" s="144"/>
      <c r="Z527" s="144"/>
      <c r="AA527" s="144"/>
      <c r="AB527" s="144"/>
      <c r="AC527" s="144"/>
      <c r="AD527" s="144"/>
      <c r="AE527" s="144"/>
      <c r="AF527" s="151"/>
    </row>
    <row r="528" spans="1:32" ht="18.75" customHeight="1" x14ac:dyDescent="0.15">
      <c r="A528" s="113" t="s">
        <v>11</v>
      </c>
      <c r="B528" s="128">
        <v>75</v>
      </c>
      <c r="C528" s="219" t="s">
        <v>365</v>
      </c>
      <c r="D528" s="113" t="s">
        <v>11</v>
      </c>
      <c r="E528" s="116" t="s">
        <v>380</v>
      </c>
      <c r="F528" s="131"/>
      <c r="G528" s="238"/>
      <c r="H528" s="477" t="s">
        <v>63</v>
      </c>
      <c r="I528" s="436" t="s">
        <v>11</v>
      </c>
      <c r="J528" s="421" t="s">
        <v>31</v>
      </c>
      <c r="K528" s="421"/>
      <c r="L528" s="421"/>
      <c r="M528" s="436" t="s">
        <v>11</v>
      </c>
      <c r="N528" s="421" t="s">
        <v>32</v>
      </c>
      <c r="O528" s="421"/>
      <c r="P528" s="421"/>
      <c r="Q528" s="169"/>
      <c r="R528" s="169"/>
      <c r="S528" s="169"/>
      <c r="T528" s="169"/>
      <c r="U528" s="169"/>
      <c r="V528" s="169"/>
      <c r="W528" s="169"/>
      <c r="X528" s="169"/>
      <c r="Y528" s="169"/>
      <c r="Z528" s="169"/>
      <c r="AA528" s="169"/>
      <c r="AB528" s="169"/>
      <c r="AC528" s="169"/>
      <c r="AD528" s="169"/>
      <c r="AE528" s="169"/>
      <c r="AF528" s="170"/>
    </row>
    <row r="529" spans="1:32" ht="18.75" customHeight="1" x14ac:dyDescent="0.15">
      <c r="A529" s="127"/>
      <c r="B529" s="128"/>
      <c r="C529" s="219" t="s">
        <v>363</v>
      </c>
      <c r="D529" s="113" t="s">
        <v>11</v>
      </c>
      <c r="E529" s="116" t="s">
        <v>364</v>
      </c>
      <c r="F529" s="131"/>
      <c r="G529" s="238"/>
      <c r="H529" s="481"/>
      <c r="I529" s="437"/>
      <c r="J529" s="422"/>
      <c r="K529" s="422"/>
      <c r="L529" s="422"/>
      <c r="M529" s="437"/>
      <c r="N529" s="422"/>
      <c r="O529" s="422"/>
      <c r="P529" s="422"/>
      <c r="Q529" s="139"/>
      <c r="R529" s="139"/>
      <c r="S529" s="139"/>
      <c r="T529" s="139"/>
      <c r="U529" s="139"/>
      <c r="V529" s="139"/>
      <c r="W529" s="139"/>
      <c r="X529" s="139"/>
      <c r="Y529" s="139"/>
      <c r="Z529" s="139"/>
      <c r="AA529" s="139"/>
      <c r="AB529" s="139"/>
      <c r="AC529" s="139"/>
      <c r="AD529" s="139"/>
      <c r="AE529" s="139"/>
      <c r="AF529" s="140"/>
    </row>
    <row r="530" spans="1:32" ht="18.75" customHeight="1" x14ac:dyDescent="0.15">
      <c r="A530" s="127"/>
      <c r="B530" s="128"/>
      <c r="C530" s="219"/>
      <c r="D530" s="131"/>
      <c r="E530" s="116" t="s">
        <v>316</v>
      </c>
      <c r="F530" s="131"/>
      <c r="G530" s="238"/>
      <c r="H530" s="323" t="s">
        <v>309</v>
      </c>
      <c r="I530" s="143" t="s">
        <v>11</v>
      </c>
      <c r="J530" s="144" t="s">
        <v>25</v>
      </c>
      <c r="K530" s="145"/>
      <c r="L530" s="147" t="s">
        <v>11</v>
      </c>
      <c r="M530" s="144" t="s">
        <v>29</v>
      </c>
      <c r="N530" s="200"/>
      <c r="O530" s="144"/>
      <c r="P530" s="144"/>
      <c r="Q530" s="144"/>
      <c r="R530" s="144"/>
      <c r="S530" s="144"/>
      <c r="T530" s="144"/>
      <c r="U530" s="144"/>
      <c r="V530" s="144"/>
      <c r="W530" s="144"/>
      <c r="X530" s="144"/>
      <c r="Y530" s="144"/>
      <c r="Z530" s="144"/>
      <c r="AA530" s="144"/>
      <c r="AB530" s="144"/>
      <c r="AC530" s="144"/>
      <c r="AD530" s="144"/>
      <c r="AE530" s="144"/>
      <c r="AF530" s="151"/>
    </row>
    <row r="531" spans="1:32" ht="18.75" customHeight="1" x14ac:dyDescent="0.15">
      <c r="A531" s="127"/>
      <c r="B531" s="128"/>
      <c r="C531" s="219"/>
      <c r="D531" s="131"/>
      <c r="E531" s="116"/>
      <c r="F531" s="131"/>
      <c r="G531" s="238"/>
      <c r="H531" s="226" t="s">
        <v>279</v>
      </c>
      <c r="I531" s="143" t="s">
        <v>11</v>
      </c>
      <c r="J531" s="144" t="s">
        <v>25</v>
      </c>
      <c r="K531" s="144"/>
      <c r="L531" s="147" t="s">
        <v>11</v>
      </c>
      <c r="M531" s="144" t="s">
        <v>56</v>
      </c>
      <c r="N531" s="144"/>
      <c r="O531" s="147" t="s">
        <v>11</v>
      </c>
      <c r="P531" s="144" t="s">
        <v>57</v>
      </c>
      <c r="Q531" s="200"/>
      <c r="R531" s="200"/>
      <c r="S531" s="200"/>
      <c r="T531" s="144"/>
      <c r="U531" s="144"/>
      <c r="V531" s="144"/>
      <c r="W531" s="144"/>
      <c r="X531" s="144"/>
      <c r="Y531" s="144"/>
      <c r="Z531" s="144"/>
      <c r="AA531" s="144"/>
      <c r="AB531" s="144"/>
      <c r="AC531" s="144"/>
      <c r="AD531" s="144"/>
      <c r="AE531" s="144"/>
      <c r="AF531" s="151"/>
    </row>
    <row r="532" spans="1:32" ht="18.75" customHeight="1" x14ac:dyDescent="0.15">
      <c r="A532" s="171"/>
      <c r="B532" s="172"/>
      <c r="C532" s="270"/>
      <c r="D532" s="176"/>
      <c r="E532" s="175"/>
      <c r="F532" s="176"/>
      <c r="G532" s="234"/>
      <c r="H532" s="328" t="s">
        <v>84</v>
      </c>
      <c r="I532" s="143" t="s">
        <v>11</v>
      </c>
      <c r="J532" s="144" t="s">
        <v>25</v>
      </c>
      <c r="K532" s="145"/>
      <c r="L532" s="147" t="s">
        <v>11</v>
      </c>
      <c r="M532" s="144" t="s">
        <v>29</v>
      </c>
      <c r="N532" s="200"/>
      <c r="O532" s="208"/>
      <c r="P532" s="208"/>
      <c r="Q532" s="208"/>
      <c r="R532" s="208"/>
      <c r="S532" s="208"/>
      <c r="T532" s="208"/>
      <c r="U532" s="208"/>
      <c r="V532" s="208"/>
      <c r="W532" s="208"/>
      <c r="X532" s="208"/>
      <c r="Y532" s="208"/>
      <c r="Z532" s="208"/>
      <c r="AA532" s="208"/>
      <c r="AB532" s="208"/>
      <c r="AC532" s="208"/>
      <c r="AD532" s="208"/>
      <c r="AE532" s="208"/>
      <c r="AF532" s="258"/>
    </row>
    <row r="533" spans="1:32" ht="18.75" customHeight="1" x14ac:dyDescent="0.15">
      <c r="A533" s="117"/>
      <c r="B533" s="118"/>
      <c r="C533" s="101"/>
      <c r="D533" s="120"/>
      <c r="E533" s="101"/>
      <c r="F533" s="121"/>
      <c r="G533" s="125"/>
      <c r="H533" s="339" t="s">
        <v>89</v>
      </c>
      <c r="I533" s="187" t="s">
        <v>11</v>
      </c>
      <c r="J533" s="188" t="s">
        <v>25</v>
      </c>
      <c r="K533" s="188"/>
      <c r="L533" s="190"/>
      <c r="M533" s="191" t="s">
        <v>11</v>
      </c>
      <c r="N533" s="188" t="s">
        <v>67</v>
      </c>
      <c r="O533" s="188"/>
      <c r="P533" s="190"/>
      <c r="Q533" s="191" t="s">
        <v>11</v>
      </c>
      <c r="R533" s="217" t="s">
        <v>68</v>
      </c>
      <c r="S533" s="217"/>
      <c r="T533" s="217"/>
      <c r="U533" s="217"/>
      <c r="V533" s="188"/>
      <c r="W533" s="188"/>
      <c r="X533" s="188"/>
      <c r="Y533" s="188"/>
      <c r="Z533" s="188"/>
      <c r="AA533" s="188"/>
      <c r="AB533" s="188"/>
      <c r="AC533" s="188"/>
      <c r="AD533" s="188"/>
      <c r="AE533" s="188"/>
      <c r="AF533" s="256"/>
    </row>
    <row r="534" spans="1:32" ht="18.75" customHeight="1" x14ac:dyDescent="0.15">
      <c r="A534" s="113" t="s">
        <v>11</v>
      </c>
      <c r="B534" s="128">
        <v>69</v>
      </c>
      <c r="C534" s="219" t="s">
        <v>365</v>
      </c>
      <c r="D534" s="113" t="s">
        <v>11</v>
      </c>
      <c r="E534" s="116" t="s">
        <v>380</v>
      </c>
      <c r="F534" s="131"/>
      <c r="G534" s="238"/>
      <c r="H534" s="142" t="s">
        <v>22</v>
      </c>
      <c r="I534" s="143" t="s">
        <v>11</v>
      </c>
      <c r="J534" s="144" t="s">
        <v>23</v>
      </c>
      <c r="K534" s="145"/>
      <c r="L534" s="146"/>
      <c r="M534" s="147" t="s">
        <v>11</v>
      </c>
      <c r="N534" s="144" t="s">
        <v>24</v>
      </c>
      <c r="O534" s="147"/>
      <c r="P534" s="144"/>
      <c r="Q534" s="148"/>
      <c r="R534" s="148"/>
      <c r="S534" s="148"/>
      <c r="T534" s="148"/>
      <c r="U534" s="148"/>
      <c r="V534" s="148"/>
      <c r="W534" s="148"/>
      <c r="X534" s="148"/>
      <c r="Y534" s="148"/>
      <c r="Z534" s="148"/>
      <c r="AA534" s="148"/>
      <c r="AB534" s="148"/>
      <c r="AC534" s="148"/>
      <c r="AD534" s="148"/>
      <c r="AE534" s="148"/>
      <c r="AF534" s="255"/>
    </row>
    <row r="535" spans="1:32" ht="18.75" customHeight="1" x14ac:dyDescent="0.15">
      <c r="A535" s="127"/>
      <c r="B535" s="128"/>
      <c r="C535" s="219" t="s">
        <v>381</v>
      </c>
      <c r="D535" s="113" t="s">
        <v>11</v>
      </c>
      <c r="E535" s="116" t="s">
        <v>382</v>
      </c>
      <c r="F535" s="131"/>
      <c r="G535" s="238"/>
      <c r="H535" s="142" t="s">
        <v>69</v>
      </c>
      <c r="I535" s="143" t="s">
        <v>11</v>
      </c>
      <c r="J535" s="144" t="s">
        <v>23</v>
      </c>
      <c r="K535" s="145"/>
      <c r="L535" s="146"/>
      <c r="M535" s="147" t="s">
        <v>11</v>
      </c>
      <c r="N535" s="144" t="s">
        <v>24</v>
      </c>
      <c r="O535" s="147"/>
      <c r="P535" s="144"/>
      <c r="Q535" s="148"/>
      <c r="R535" s="148"/>
      <c r="S535" s="148"/>
      <c r="T535" s="148"/>
      <c r="U535" s="148"/>
      <c r="V535" s="148"/>
      <c r="W535" s="148"/>
      <c r="X535" s="148"/>
      <c r="Y535" s="148"/>
      <c r="Z535" s="148"/>
      <c r="AA535" s="148"/>
      <c r="AB535" s="148"/>
      <c r="AC535" s="148"/>
      <c r="AD535" s="148"/>
      <c r="AE535" s="148"/>
      <c r="AF535" s="255"/>
    </row>
    <row r="536" spans="1:32" ht="18.75" customHeight="1" x14ac:dyDescent="0.15">
      <c r="A536" s="127"/>
      <c r="B536" s="128"/>
      <c r="C536" s="219" t="s">
        <v>383</v>
      </c>
      <c r="D536" s="131"/>
      <c r="E536" s="116" t="s">
        <v>379</v>
      </c>
      <c r="F536" s="131"/>
      <c r="G536" s="238"/>
      <c r="H536" s="483" t="s">
        <v>63</v>
      </c>
      <c r="I536" s="436" t="s">
        <v>11</v>
      </c>
      <c r="J536" s="421" t="s">
        <v>31</v>
      </c>
      <c r="K536" s="421"/>
      <c r="L536" s="421"/>
      <c r="M536" s="436" t="s">
        <v>11</v>
      </c>
      <c r="N536" s="421" t="s">
        <v>32</v>
      </c>
      <c r="O536" s="421"/>
      <c r="P536" s="421"/>
      <c r="Q536" s="169"/>
      <c r="R536" s="169"/>
      <c r="S536" s="169"/>
      <c r="T536" s="169"/>
      <c r="U536" s="169"/>
      <c r="V536" s="169"/>
      <c r="W536" s="169"/>
      <c r="X536" s="169"/>
      <c r="Y536" s="169"/>
      <c r="Z536" s="169"/>
      <c r="AA536" s="169"/>
      <c r="AB536" s="169"/>
      <c r="AC536" s="169"/>
      <c r="AD536" s="169"/>
      <c r="AE536" s="169"/>
      <c r="AF536" s="170"/>
    </row>
    <row r="537" spans="1:32" ht="18.75" customHeight="1" x14ac:dyDescent="0.15">
      <c r="A537" s="174"/>
      <c r="B537" s="181"/>
      <c r="C537" s="214"/>
      <c r="D537" s="174"/>
      <c r="E537" s="213"/>
      <c r="F537" s="176"/>
      <c r="G537" s="234"/>
      <c r="H537" s="484"/>
      <c r="I537" s="485"/>
      <c r="J537" s="486"/>
      <c r="K537" s="486"/>
      <c r="L537" s="486"/>
      <c r="M537" s="485"/>
      <c r="N537" s="486"/>
      <c r="O537" s="486"/>
      <c r="P537" s="486"/>
      <c r="Q537" s="182"/>
      <c r="R537" s="182"/>
      <c r="S537" s="182"/>
      <c r="T537" s="182"/>
      <c r="U537" s="182"/>
      <c r="V537" s="182"/>
      <c r="W537" s="182"/>
      <c r="X537" s="182"/>
      <c r="Y537" s="182"/>
      <c r="Z537" s="182"/>
      <c r="AA537" s="182"/>
      <c r="AB537" s="182"/>
      <c r="AC537" s="182"/>
      <c r="AD537" s="182"/>
      <c r="AE537" s="182"/>
      <c r="AF537" s="183"/>
    </row>
    <row r="538" spans="1:32" ht="8.25" customHeight="1" x14ac:dyDescent="0.15">
      <c r="A538" s="105"/>
      <c r="B538" s="105"/>
      <c r="C538" s="114"/>
      <c r="D538" s="114"/>
      <c r="E538" s="101"/>
      <c r="F538" s="101"/>
      <c r="G538" s="133"/>
      <c r="H538" s="101"/>
      <c r="I538" s="101"/>
      <c r="J538" s="101"/>
      <c r="K538" s="101"/>
      <c r="L538" s="101"/>
      <c r="M538" s="101"/>
      <c r="N538" s="101"/>
      <c r="O538" s="101"/>
      <c r="P538" s="101"/>
      <c r="Q538" s="101"/>
      <c r="R538" s="101"/>
      <c r="S538" s="101"/>
      <c r="T538" s="101"/>
      <c r="U538" s="101"/>
      <c r="V538" s="101"/>
      <c r="W538" s="101"/>
      <c r="X538" s="101"/>
      <c r="Y538" s="101"/>
      <c r="Z538" s="101"/>
      <c r="AA538" s="101"/>
      <c r="AB538" s="101"/>
      <c r="AC538" s="101"/>
      <c r="AD538" s="101"/>
      <c r="AE538" s="101"/>
      <c r="AF538" s="101"/>
    </row>
    <row r="539" spans="1:32" ht="20.25" customHeight="1" x14ac:dyDescent="0.15">
      <c r="A539" s="259"/>
      <c r="B539" s="259"/>
      <c r="C539" s="114" t="s">
        <v>155</v>
      </c>
      <c r="D539" s="114"/>
      <c r="E539" s="260"/>
      <c r="F539" s="260"/>
      <c r="G539" s="261"/>
      <c r="H539" s="260"/>
      <c r="I539" s="260"/>
      <c r="J539" s="260"/>
      <c r="K539" s="260"/>
      <c r="L539" s="260"/>
      <c r="M539" s="260"/>
      <c r="N539" s="260"/>
      <c r="O539" s="260"/>
      <c r="P539" s="260"/>
      <c r="Q539" s="260"/>
      <c r="R539" s="260"/>
      <c r="S539" s="260"/>
      <c r="T539" s="260"/>
      <c r="U539" s="260"/>
      <c r="V539" s="260"/>
      <c r="W539" s="101"/>
      <c r="X539" s="101"/>
      <c r="Y539" s="101"/>
      <c r="Z539" s="101"/>
      <c r="AA539" s="101"/>
      <c r="AB539" s="101"/>
      <c r="AC539" s="101"/>
      <c r="AD539" s="101"/>
      <c r="AE539" s="101"/>
      <c r="AF539" s="101"/>
    </row>
    <row r="540" spans="1:32" x14ac:dyDescent="0.15">
      <c r="A540" s="105"/>
      <c r="B540" s="105"/>
      <c r="C540" s="101"/>
      <c r="D540" s="101"/>
      <c r="E540" s="101"/>
      <c r="F540" s="101"/>
      <c r="G540" s="133"/>
      <c r="H540" s="101"/>
      <c r="I540" s="101"/>
      <c r="J540" s="101"/>
      <c r="K540" s="101"/>
      <c r="L540" s="101"/>
      <c r="M540" s="101"/>
      <c r="N540" s="101"/>
      <c r="O540" s="101"/>
      <c r="P540" s="101"/>
      <c r="Q540" s="101"/>
      <c r="R540" s="101"/>
      <c r="S540" s="101"/>
      <c r="T540" s="101"/>
      <c r="U540" s="101"/>
      <c r="V540" s="101"/>
      <c r="W540" s="101"/>
      <c r="X540" s="101"/>
      <c r="Y540" s="101"/>
      <c r="Z540" s="101"/>
      <c r="AA540" s="101"/>
      <c r="AB540" s="101"/>
      <c r="AC540" s="101"/>
      <c r="AD540" s="101"/>
      <c r="AE540" s="101"/>
      <c r="AF540" s="101"/>
    </row>
    <row r="541" spans="1:32" x14ac:dyDescent="0.15">
      <c r="A541" s="105"/>
      <c r="B541" s="105"/>
      <c r="C541" s="101"/>
      <c r="D541" s="101"/>
      <c r="E541" s="101"/>
      <c r="F541" s="101"/>
      <c r="G541" s="133"/>
      <c r="H541" s="101"/>
      <c r="I541" s="101"/>
      <c r="J541" s="101"/>
      <c r="K541" s="101"/>
      <c r="L541" s="101"/>
      <c r="M541" s="101"/>
      <c r="N541" s="101"/>
      <c r="O541" s="101"/>
      <c r="P541" s="101"/>
      <c r="Q541" s="101"/>
      <c r="R541" s="101"/>
      <c r="S541" s="101"/>
      <c r="T541" s="101"/>
      <c r="U541" s="101"/>
      <c r="V541" s="101"/>
      <c r="W541" s="101"/>
      <c r="X541" s="101"/>
      <c r="Y541" s="101"/>
      <c r="Z541" s="101"/>
      <c r="AA541" s="101"/>
      <c r="AB541" s="101"/>
      <c r="AC541" s="101"/>
      <c r="AD541" s="101"/>
      <c r="AE541" s="101"/>
      <c r="AF541" s="101"/>
    </row>
  </sheetData>
  <mergeCells count="226">
    <mergeCell ref="H536:H537"/>
    <mergeCell ref="I536:I537"/>
    <mergeCell ref="J536:L537"/>
    <mergeCell ref="M536:M537"/>
    <mergeCell ref="N536:P537"/>
    <mergeCell ref="H511:H512"/>
    <mergeCell ref="I511:I512"/>
    <mergeCell ref="J511:L512"/>
    <mergeCell ref="M511:M512"/>
    <mergeCell ref="N511:P512"/>
    <mergeCell ref="H528:H529"/>
    <mergeCell ref="I528:I529"/>
    <mergeCell ref="J528:L529"/>
    <mergeCell ref="M528:M529"/>
    <mergeCell ref="N528:P529"/>
    <mergeCell ref="H484:H485"/>
    <mergeCell ref="I484:I485"/>
    <mergeCell ref="J484:L485"/>
    <mergeCell ref="M484:M485"/>
    <mergeCell ref="N484:P485"/>
    <mergeCell ref="H492:H493"/>
    <mergeCell ref="I492:I493"/>
    <mergeCell ref="J492:L493"/>
    <mergeCell ref="M492:M493"/>
    <mergeCell ref="N492:P493"/>
    <mergeCell ref="H443:H444"/>
    <mergeCell ref="I443:I444"/>
    <mergeCell ref="J443:K444"/>
    <mergeCell ref="L443:L444"/>
    <mergeCell ref="M443:N444"/>
    <mergeCell ref="H472:H473"/>
    <mergeCell ref="I472:I473"/>
    <mergeCell ref="J472:L473"/>
    <mergeCell ref="M472:M473"/>
    <mergeCell ref="N472:P473"/>
    <mergeCell ref="H439:H440"/>
    <mergeCell ref="I439:I440"/>
    <mergeCell ref="J439:K440"/>
    <mergeCell ref="L439:L440"/>
    <mergeCell ref="M439:N440"/>
    <mergeCell ref="H441:H442"/>
    <mergeCell ref="I441:I442"/>
    <mergeCell ref="J441:K442"/>
    <mergeCell ref="L441:L442"/>
    <mergeCell ref="M441:N442"/>
    <mergeCell ref="H430:H431"/>
    <mergeCell ref="I430:I431"/>
    <mergeCell ref="J430:L431"/>
    <mergeCell ref="M430:M431"/>
    <mergeCell ref="N430:P431"/>
    <mergeCell ref="H437:H438"/>
    <mergeCell ref="I437:I438"/>
    <mergeCell ref="J437:K438"/>
    <mergeCell ref="L437:L438"/>
    <mergeCell ref="M437:N438"/>
    <mergeCell ref="N417:P418"/>
    <mergeCell ref="H419:H420"/>
    <mergeCell ref="I419:I420"/>
    <mergeCell ref="J419:L420"/>
    <mergeCell ref="M419:M420"/>
    <mergeCell ref="N419:P420"/>
    <mergeCell ref="A413:C414"/>
    <mergeCell ref="H413:H414"/>
    <mergeCell ref="H417:H418"/>
    <mergeCell ref="I417:I418"/>
    <mergeCell ref="J417:L418"/>
    <mergeCell ref="M417:M418"/>
    <mergeCell ref="A408:AF408"/>
    <mergeCell ref="S410:V410"/>
    <mergeCell ref="A412:C412"/>
    <mergeCell ref="D412:E412"/>
    <mergeCell ref="F412:G412"/>
    <mergeCell ref="H412:AF412"/>
    <mergeCell ref="H393:H394"/>
    <mergeCell ref="I393:I394"/>
    <mergeCell ref="J393:K394"/>
    <mergeCell ref="L393:L394"/>
    <mergeCell ref="M393:N394"/>
    <mergeCell ref="H401:H406"/>
    <mergeCell ref="H371:H372"/>
    <mergeCell ref="I371:I372"/>
    <mergeCell ref="J371:K372"/>
    <mergeCell ref="L371:L372"/>
    <mergeCell ref="M371:N372"/>
    <mergeCell ref="H383:H388"/>
    <mergeCell ref="H347:H352"/>
    <mergeCell ref="H356:H357"/>
    <mergeCell ref="I356:I357"/>
    <mergeCell ref="J356:L357"/>
    <mergeCell ref="M356:M357"/>
    <mergeCell ref="N356:P357"/>
    <mergeCell ref="H360:H365"/>
    <mergeCell ref="M318:N320"/>
    <mergeCell ref="H330:H335"/>
    <mergeCell ref="H340:H341"/>
    <mergeCell ref="I340:I341"/>
    <mergeCell ref="J340:L341"/>
    <mergeCell ref="M340:M341"/>
    <mergeCell ref="N340:P341"/>
    <mergeCell ref="H305:H306"/>
    <mergeCell ref="I305:I306"/>
    <mergeCell ref="J305:L306"/>
    <mergeCell ref="M305:M306"/>
    <mergeCell ref="N305:P306"/>
    <mergeCell ref="H309:H314"/>
    <mergeCell ref="H318:H320"/>
    <mergeCell ref="I318:I320"/>
    <mergeCell ref="J318:K320"/>
    <mergeCell ref="L318:L320"/>
    <mergeCell ref="H277:H278"/>
    <mergeCell ref="I277:I278"/>
    <mergeCell ref="J277:L278"/>
    <mergeCell ref="M277:M278"/>
    <mergeCell ref="N277:P278"/>
    <mergeCell ref="H296:H301"/>
    <mergeCell ref="H238:H239"/>
    <mergeCell ref="I238:I239"/>
    <mergeCell ref="J238:K239"/>
    <mergeCell ref="L238:L239"/>
    <mergeCell ref="M238:N239"/>
    <mergeCell ref="H265:H270"/>
    <mergeCell ref="L230:L231"/>
    <mergeCell ref="M230:N231"/>
    <mergeCell ref="H233:H234"/>
    <mergeCell ref="I233:I234"/>
    <mergeCell ref="J233:K234"/>
    <mergeCell ref="L233:L234"/>
    <mergeCell ref="M233:N234"/>
    <mergeCell ref="H201:H206"/>
    <mergeCell ref="H216:H221"/>
    <mergeCell ref="H223:H224"/>
    <mergeCell ref="H230:H231"/>
    <mergeCell ref="I230:I231"/>
    <mergeCell ref="J230:K231"/>
    <mergeCell ref="H176:H181"/>
    <mergeCell ref="H187:H188"/>
    <mergeCell ref="I187:I188"/>
    <mergeCell ref="J187:K188"/>
    <mergeCell ref="L187:L188"/>
    <mergeCell ref="M187:N188"/>
    <mergeCell ref="H156:H161"/>
    <mergeCell ref="H166:H167"/>
    <mergeCell ref="I166:I167"/>
    <mergeCell ref="J166:K167"/>
    <mergeCell ref="L166:L167"/>
    <mergeCell ref="M166:N167"/>
    <mergeCell ref="H130:H135"/>
    <mergeCell ref="H141:H142"/>
    <mergeCell ref="I141:I142"/>
    <mergeCell ref="J141:K142"/>
    <mergeCell ref="L141:L142"/>
    <mergeCell ref="M141:N142"/>
    <mergeCell ref="H117:H122"/>
    <mergeCell ref="H126:H127"/>
    <mergeCell ref="I126:I127"/>
    <mergeCell ref="J126:L127"/>
    <mergeCell ref="M126:M127"/>
    <mergeCell ref="N126:P127"/>
    <mergeCell ref="H96:H101"/>
    <mergeCell ref="H106:H107"/>
    <mergeCell ref="I106:I107"/>
    <mergeCell ref="J106:L107"/>
    <mergeCell ref="M106:M107"/>
    <mergeCell ref="N106:P107"/>
    <mergeCell ref="H74:H79"/>
    <mergeCell ref="H83:H85"/>
    <mergeCell ref="I83:I85"/>
    <mergeCell ref="J83:K85"/>
    <mergeCell ref="L83:L85"/>
    <mergeCell ref="M83:N85"/>
    <mergeCell ref="H57:H58"/>
    <mergeCell ref="I57:I58"/>
    <mergeCell ref="J57:K58"/>
    <mergeCell ref="L57:L58"/>
    <mergeCell ref="M57:N58"/>
    <mergeCell ref="H71:H73"/>
    <mergeCell ref="H53:H54"/>
    <mergeCell ref="I53:I54"/>
    <mergeCell ref="J53:K54"/>
    <mergeCell ref="L53:L54"/>
    <mergeCell ref="M53:N54"/>
    <mergeCell ref="H55:H56"/>
    <mergeCell ref="I55:I56"/>
    <mergeCell ref="J55:K56"/>
    <mergeCell ref="L55:L56"/>
    <mergeCell ref="M55:N56"/>
    <mergeCell ref="M47:N49"/>
    <mergeCell ref="H51:H52"/>
    <mergeCell ref="I51:I52"/>
    <mergeCell ref="J51:K52"/>
    <mergeCell ref="L51:L52"/>
    <mergeCell ref="M51:N52"/>
    <mergeCell ref="H32:H33"/>
    <mergeCell ref="I32:I33"/>
    <mergeCell ref="J32:L33"/>
    <mergeCell ref="M32:M33"/>
    <mergeCell ref="N32:P33"/>
    <mergeCell ref="H35:H37"/>
    <mergeCell ref="H38:H43"/>
    <mergeCell ref="H47:H49"/>
    <mergeCell ref="I47:I49"/>
    <mergeCell ref="J47:K49"/>
    <mergeCell ref="L47:L49"/>
    <mergeCell ref="H14:H15"/>
    <mergeCell ref="I14:I15"/>
    <mergeCell ref="J14:L15"/>
    <mergeCell ref="M14:M15"/>
    <mergeCell ref="N14:P15"/>
    <mergeCell ref="H23:H28"/>
    <mergeCell ref="A8:C9"/>
    <mergeCell ref="H8:H9"/>
    <mergeCell ref="Y8:AB9"/>
    <mergeCell ref="AC8:AF9"/>
    <mergeCell ref="H12:H13"/>
    <mergeCell ref="I12:I13"/>
    <mergeCell ref="J12:L13"/>
    <mergeCell ref="M12:M13"/>
    <mergeCell ref="N12:P13"/>
    <mergeCell ref="A3:AF3"/>
    <mergeCell ref="S5:V5"/>
    <mergeCell ref="A7:C7"/>
    <mergeCell ref="D7:E7"/>
    <mergeCell ref="F7:G7"/>
    <mergeCell ref="H7:X7"/>
    <mergeCell ref="Y7:AB7"/>
    <mergeCell ref="AC7:AF7"/>
  </mergeCells>
  <phoneticPr fontId="1"/>
  <dataValidations count="1">
    <dataValidation type="list" allowBlank="1" showInputMessage="1" showErrorMessage="1" sqref="Q8:Q9 U8:U9 L11 M12:M15 M17 L318 L34:L35 O34 R35 D534:D535 L31 M50 O60 O63 P64 R71 D517:D519 M86 O87:O88 L105 O110 R110 Q123 L141:L144 T147:T148 O143 M145 P147:P148 Y162:Y163 O168 Y182:Y183 Q182 O189 O195 Q223 L230:L239 M240 M252 O254:O255 O241:O242 O247 O251 Q237 Q271 L274 L276 L279:L283 O288 M275 D307:D308 A518 L83 Q315 M321 O322:O323 Q336 L339 L371:L374 O373 M375 Y389:Y390 O395 O10 L87:L101 Y136:Y137 AC162:AC163 AC182:AC183 O214:O221 Y222:Y223 O294:O301 O358:O365 Y366:Y367 AC389:AC390 O36:O43 O95:O101 AC136:AC137 AC222:AC223 O307:O314 AC366:AC367 A34 D92:D94 D111:D112 A150 T170:T171 A191 D241:D242 D244:D245 A286 L423:L426 D342:D343 A326 O345:O352 F242:F243 D420:D421 A63 A92 A111 D150:D153 A243 D285:D286 A310 D326:D328 A342 A378 D377:D381 Q413:Q414 U413:U414 L416 M422 M417:M420 L429 L471 L489 L491 L494:L497 L527 D434:D436 Q486 Q513 O424:O425 O446 O460:O461 O517:O518 O469:O470 Q524 O448 O502 P449 O476 R476 M490 M468:M470 D492:D493 O531 A509 D528:D529 A528 D462:D464 D450 D148 A434 A450 A462 A482 A493 D509:D510 O45:O46 O192 L186:L206 O210:P210 R210 T210 O170:P170 R170:R171 O376:O377 O19:O20 L38:L43 S171 U148:W148 O147:O150 R147:R148 Q148 S148 A170:A171 U171:W171 L474:L480 L499:L507 A420 R38 P39:Q43 U38:U43 R74 P75:Q79 U74:U79 P97:Q101 U96:U101 P118:Q122 U117:U122 O115:O122 P131:Q135 U130:U135 P157:Q161 U156:U161 P177:Q181 U176:U181 P202:Q206 U201:U206 M217:M223 P217:Q221 U216:U221 P266:Q270 U265:U270 P297:Q301 U296:U301 M310:M317 P310:Q314 U309:U314 P331:Q335 U330:U335 M348:M357 P348:Q352 U347:U352 P361:Q365 U360:U365 P384:Q388 U383:U388 L393:L406 M402:M406 P402:Q406 U401:U406 L18:L28 A308 R95:R96 R116:R117 R129:R130 R200:R201 R22:R23 R215:R216 L210:L221 R264:R265 R295:R296 R308:R309 L322:L335 R329:R330 L517:L523 R346:R347 L358:L365 R359:R360 R382:R383 L376:L388 R400:R401 A399 D63:D65 U23:U28 M524:M526 R155:R156 L146:L161 R175:R176 L128:L135 O171:Q171 D261:D263 L253:L270 A263 L307:L314 L16 O16 L166:L181 O113 D34:D35 L47 U72 L74:L79 O139:O140 O154:O161 O164:O165 O174:O181 D191:D196 O199:O206 O208:O209 AC207:AC209 Y207:Y209 Q207 M225:M229 O263:O270 AC271:AC273 Y271:Y273 O272:O273 M284 O303:O304 AC302:AC304 Y302:Y304 Q302 AC315:AC317 Y315:Y317 O329:O335 AC336:AC338 Y336:Y338 O337:O338 O354:O355 AC353:AC355 Y353:Y355 Q353 O369:O370 O381:O388 D398:D401 O391:O392 O399:O406 O316:O317 O415 L432 L460:L467 M498 O479 M384:M392 O72:O79 O128:O135 AC62 Y62 L51:L71 AC44:AC45 AC10:AC11 M8:M10 Y10:Y11 M39:M46 Y44:Y45 Y123:Y125 O124:O125 M131:M140 M157:M165 M177:M185 O184:O186 M202:M210 O228:O229 M266:M273 M427:M428 M331:M338 M361:M370 O290 M413:M415 O457:O458 Q481 O482:O483 O487:O488 O509:O510 O514:O515 O525:O526 O534:O535 A534 Y29:Y30 AC29:AC30 U279 X242 L241:L251 R242 U242 O108 R108 U108 O421 O279 R279 O427 O343 Q468 R474 U474 O474 D482:D483 U494 O494 R494 L530:L532 O504 D170:D174 M32:M33 L285:L301 M297:M306 L342:L352 D310 D20:D21 O22:O29 A20 M24:M30 P24:Q28 A359 L421 M106:M107 M277:M278 M340:M341 A357 M430:M431 M472:M473 M492:M493 M528:M529 Q533 A127:A129 D127:D128 D124:D125 M75:M82 D357:D359 D472:D474 A472:A474 M481:M488 Q508 M508:M516 A213 M533:M537 Q44 Q80 O81:O82 Y80:Y81 AC80:AC81 Q102 O103:O104 AC102:AC103 Y102:Y103 M97:M104 L108:L122 M118:M127 AC123:AC125 I8:I47 I50:I83 I86:I318 I321:I406 D210:D216 A436 L437:L455 M457:M459 I457:I537 A428 D428:D429 Q433 O432 O434:O435 I413:I455 M433:M436">
      <formula1>"□,■"</formula1>
    </dataValidation>
  </dataValidations>
  <pageMargins left="0.7" right="0.7" top="0.75" bottom="0.75" header="0.3" footer="0.3"/>
  <pageSetup paperSize="9" scale="49" fitToHeight="0" orientation="landscape" r:id="rId1"/>
  <rowBreaks count="13" manualBreakCount="13">
    <brk id="43" min="1" max="31" man="1"/>
    <brk id="79" min="1" max="31" man="1"/>
    <brk id="122" max="16383" man="1"/>
    <brk id="161" min="1" max="31" man="1"/>
    <brk id="206" min="1" max="31" man="1"/>
    <brk id="221" min="1" max="31" man="1"/>
    <brk id="270" min="1" max="31" man="1"/>
    <brk id="314" min="1" max="31" man="1"/>
    <brk id="352" min="1" max="31" man="1"/>
    <brk id="388" min="1" max="31" man="1"/>
    <brk id="406" max="31" man="1"/>
    <brk id="455" min="1" max="31" man="1"/>
    <brk id="507"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U123"/>
  <sheetViews>
    <sheetView view="pageBreakPreview" zoomScale="70" zoomScaleNormal="100" zoomScaleSheetLayoutView="70" workbookViewId="0">
      <selection activeCell="B30" sqref="B30"/>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8" width="5.375" style="1" customWidth="1"/>
    <col min="9" max="9" width="14.25" style="1" customWidth="1"/>
    <col min="10" max="11" width="5.375" style="1" customWidth="1"/>
    <col min="12" max="16384" width="9" style="1"/>
  </cols>
  <sheetData>
    <row r="1" spans="1:12" s="97" customFormat="1" ht="20.25" customHeight="1" x14ac:dyDescent="0.15">
      <c r="A1" s="109"/>
      <c r="B1" s="262" t="s">
        <v>384</v>
      </c>
      <c r="C1" s="133"/>
      <c r="D1" s="133"/>
      <c r="E1" s="133"/>
      <c r="F1" s="133"/>
      <c r="G1" s="133"/>
      <c r="H1" s="133"/>
      <c r="I1" s="133"/>
      <c r="J1" s="133"/>
      <c r="K1" s="133"/>
      <c r="L1" s="133"/>
    </row>
    <row r="2" spans="1:12" ht="18.75" customHeight="1" x14ac:dyDescent="0.15">
      <c r="A2" s="105"/>
      <c r="B2" s="206"/>
      <c r="C2" s="206"/>
      <c r="D2" s="101"/>
      <c r="E2" s="101"/>
      <c r="F2" s="101"/>
      <c r="G2" s="363"/>
      <c r="H2" s="363"/>
      <c r="I2" s="363"/>
      <c r="J2" s="363"/>
      <c r="K2" s="363"/>
      <c r="L2" s="101"/>
    </row>
    <row r="3" spans="1:12" ht="31.5" customHeight="1" x14ac:dyDescent="0.15">
      <c r="A3" s="259"/>
      <c r="B3" s="427" t="s">
        <v>385</v>
      </c>
      <c r="C3" s="427"/>
      <c r="D3" s="427"/>
      <c r="E3" s="427"/>
      <c r="F3" s="427"/>
      <c r="G3" s="427"/>
      <c r="H3" s="260"/>
      <c r="I3" s="260"/>
      <c r="J3" s="260"/>
      <c r="K3" s="101"/>
      <c r="L3" s="101"/>
    </row>
    <row r="4" spans="1:12" ht="20.25" customHeight="1" x14ac:dyDescent="0.15">
      <c r="A4" s="259"/>
      <c r="B4" s="114" t="s">
        <v>158</v>
      </c>
      <c r="C4" s="260"/>
      <c r="D4" s="260"/>
      <c r="E4" s="260"/>
      <c r="F4" s="260"/>
      <c r="G4" s="260"/>
      <c r="H4" s="260"/>
      <c r="I4" s="260"/>
      <c r="J4" s="260"/>
      <c r="K4" s="260"/>
      <c r="L4" s="101"/>
    </row>
    <row r="5" spans="1:12" ht="20.25" customHeight="1" x14ac:dyDescent="0.15">
      <c r="A5" s="259"/>
      <c r="B5" s="114" t="s">
        <v>386</v>
      </c>
      <c r="C5" s="260"/>
      <c r="D5" s="260"/>
      <c r="E5" s="260"/>
      <c r="F5" s="260"/>
      <c r="G5" s="260"/>
      <c r="H5" s="260"/>
      <c r="I5" s="260"/>
      <c r="J5" s="260"/>
      <c r="K5" s="260"/>
      <c r="L5" s="101"/>
    </row>
    <row r="6" spans="1:12" ht="20.25" customHeight="1" x14ac:dyDescent="0.15">
      <c r="A6" s="261"/>
      <c r="B6" s="114" t="s">
        <v>387</v>
      </c>
      <c r="C6" s="261"/>
      <c r="D6" s="261"/>
      <c r="E6" s="261"/>
      <c r="F6" s="261"/>
      <c r="G6" s="261"/>
      <c r="H6" s="261"/>
      <c r="I6" s="261"/>
      <c r="J6" s="261"/>
      <c r="K6" s="261"/>
      <c r="L6" s="101"/>
    </row>
    <row r="7" spans="1:12" ht="20.25" customHeight="1" x14ac:dyDescent="0.15">
      <c r="A7" s="261"/>
      <c r="B7" s="114" t="s">
        <v>388</v>
      </c>
      <c r="C7" s="261"/>
      <c r="D7" s="261"/>
      <c r="E7" s="261"/>
      <c r="F7" s="261"/>
      <c r="G7" s="261"/>
      <c r="H7" s="261"/>
      <c r="I7" s="261"/>
      <c r="J7" s="261"/>
      <c r="K7" s="261"/>
      <c r="L7" s="101"/>
    </row>
    <row r="8" spans="1:12" ht="20.25" customHeight="1" x14ac:dyDescent="0.15">
      <c r="A8" s="261"/>
      <c r="B8" s="114" t="s">
        <v>389</v>
      </c>
      <c r="C8" s="261"/>
      <c r="D8" s="261"/>
      <c r="E8" s="261"/>
      <c r="F8" s="261"/>
      <c r="G8" s="261"/>
      <c r="H8" s="261"/>
      <c r="I8" s="261"/>
      <c r="J8" s="261"/>
      <c r="K8" s="261"/>
      <c r="L8" s="101"/>
    </row>
    <row r="9" spans="1:12" ht="20.25" customHeight="1" x14ac:dyDescent="0.15">
      <c r="A9" s="261"/>
      <c r="B9" s="114" t="s">
        <v>390</v>
      </c>
      <c r="C9" s="261"/>
      <c r="D9" s="261"/>
      <c r="E9" s="261"/>
      <c r="F9" s="261"/>
      <c r="G9" s="261"/>
      <c r="H9" s="261"/>
      <c r="I9" s="261"/>
      <c r="J9" s="261"/>
      <c r="K9" s="261"/>
      <c r="L9" s="101"/>
    </row>
    <row r="10" spans="1:12" ht="50.25" customHeight="1" x14ac:dyDescent="0.15">
      <c r="A10" s="261"/>
      <c r="B10" s="426" t="s">
        <v>391</v>
      </c>
      <c r="C10" s="426"/>
      <c r="D10" s="426"/>
      <c r="E10" s="426"/>
      <c r="F10" s="426"/>
      <c r="G10" s="426"/>
      <c r="H10" s="426"/>
      <c r="I10" s="426"/>
      <c r="J10" s="426"/>
      <c r="K10" s="426"/>
      <c r="L10" s="101"/>
    </row>
    <row r="11" spans="1:12" ht="21" customHeight="1" x14ac:dyDescent="0.15">
      <c r="A11" s="261"/>
      <c r="B11" s="426" t="s">
        <v>169</v>
      </c>
      <c r="C11" s="426"/>
      <c r="D11" s="426"/>
      <c r="E11" s="426"/>
      <c r="F11" s="426"/>
      <c r="G11" s="426"/>
      <c r="H11" s="101"/>
      <c r="I11" s="101"/>
      <c r="J11" s="101"/>
      <c r="K11" s="101"/>
      <c r="L11" s="101"/>
    </row>
    <row r="12" spans="1:12" ht="20.25" customHeight="1" x14ac:dyDescent="0.15">
      <c r="A12" s="261"/>
      <c r="B12" s="114" t="s">
        <v>392</v>
      </c>
      <c r="C12" s="261"/>
      <c r="D12" s="261"/>
      <c r="E12" s="261"/>
      <c r="F12" s="261"/>
      <c r="G12" s="261"/>
      <c r="H12" s="261"/>
      <c r="I12" s="261"/>
      <c r="J12" s="261"/>
      <c r="K12" s="261"/>
      <c r="L12" s="101"/>
    </row>
    <row r="13" spans="1:12" ht="20.25" customHeight="1" x14ac:dyDescent="0.15">
      <c r="A13" s="261"/>
      <c r="B13" s="114" t="s">
        <v>393</v>
      </c>
      <c r="C13" s="261"/>
      <c r="D13" s="261"/>
      <c r="E13" s="261"/>
      <c r="F13" s="261"/>
      <c r="G13" s="261"/>
      <c r="H13" s="261"/>
      <c r="I13" s="261"/>
      <c r="J13" s="261"/>
      <c r="K13" s="261"/>
      <c r="L13" s="101"/>
    </row>
    <row r="14" spans="1:12" ht="20.25" customHeight="1" x14ac:dyDescent="0.15">
      <c r="A14" s="261"/>
      <c r="B14" s="114" t="s">
        <v>394</v>
      </c>
      <c r="C14" s="261"/>
      <c r="D14" s="261"/>
      <c r="E14" s="261"/>
      <c r="F14" s="261"/>
      <c r="G14" s="261"/>
      <c r="H14" s="261"/>
      <c r="I14" s="261"/>
      <c r="J14" s="261"/>
      <c r="K14" s="261"/>
      <c r="L14" s="101"/>
    </row>
    <row r="15" spans="1:12" ht="20.25" customHeight="1" x14ac:dyDescent="0.15">
      <c r="A15" s="261"/>
      <c r="B15" s="114" t="s">
        <v>395</v>
      </c>
      <c r="C15" s="261"/>
      <c r="D15" s="261"/>
      <c r="E15" s="261"/>
      <c r="F15" s="261"/>
      <c r="G15" s="261"/>
      <c r="H15" s="261"/>
      <c r="I15" s="261"/>
      <c r="J15" s="261"/>
      <c r="K15" s="261"/>
      <c r="L15" s="101"/>
    </row>
    <row r="16" spans="1:12" ht="20.25" customHeight="1" x14ac:dyDescent="0.15">
      <c r="A16" s="261"/>
      <c r="B16" s="114" t="s">
        <v>396</v>
      </c>
      <c r="C16" s="261"/>
      <c r="D16" s="261"/>
      <c r="E16" s="261"/>
      <c r="F16" s="261"/>
      <c r="G16" s="261"/>
      <c r="H16" s="261"/>
      <c r="I16" s="261"/>
      <c r="J16" s="261"/>
      <c r="K16" s="261"/>
      <c r="L16" s="101"/>
    </row>
    <row r="17" spans="1:12" ht="20.25" customHeight="1" x14ac:dyDescent="0.15">
      <c r="A17" s="261"/>
      <c r="B17" s="114" t="s">
        <v>397</v>
      </c>
      <c r="C17" s="261"/>
      <c r="D17" s="261"/>
      <c r="E17" s="261"/>
      <c r="F17" s="261"/>
      <c r="G17" s="261"/>
      <c r="H17" s="261"/>
      <c r="I17" s="261"/>
      <c r="J17" s="261"/>
      <c r="K17" s="261"/>
      <c r="L17" s="101"/>
    </row>
    <row r="18" spans="1:12" ht="20.25" customHeight="1" x14ac:dyDescent="0.15">
      <c r="A18" s="261"/>
      <c r="B18" s="114" t="s">
        <v>398</v>
      </c>
      <c r="C18" s="261"/>
      <c r="D18" s="261"/>
      <c r="E18" s="261"/>
      <c r="F18" s="261"/>
      <c r="G18" s="261"/>
      <c r="H18" s="261"/>
      <c r="I18" s="261"/>
      <c r="J18" s="261"/>
      <c r="K18" s="261"/>
      <c r="L18" s="101"/>
    </row>
    <row r="19" spans="1:12" ht="45" customHeight="1" x14ac:dyDescent="0.15">
      <c r="A19" s="261"/>
      <c r="B19" s="426" t="s">
        <v>399</v>
      </c>
      <c r="C19" s="426"/>
      <c r="D19" s="426"/>
      <c r="E19" s="426"/>
      <c r="F19" s="426"/>
      <c r="G19" s="426"/>
      <c r="H19" s="426"/>
      <c r="I19" s="426"/>
      <c r="J19" s="261"/>
      <c r="K19" s="261"/>
      <c r="L19" s="101"/>
    </row>
    <row r="20" spans="1:12" ht="20.25" customHeight="1" x14ac:dyDescent="0.15">
      <c r="A20" s="261"/>
      <c r="B20" s="114" t="s">
        <v>400</v>
      </c>
      <c r="C20" s="261"/>
      <c r="D20" s="261"/>
      <c r="E20" s="261"/>
      <c r="F20" s="114"/>
      <c r="G20" s="114"/>
      <c r="H20" s="261"/>
      <c r="I20" s="261"/>
      <c r="J20" s="261"/>
      <c r="K20" s="261"/>
      <c r="L20" s="101"/>
    </row>
    <row r="21" spans="1:12" s="85" customFormat="1" ht="19.5" customHeight="1" x14ac:dyDescent="0.15">
      <c r="A21" s="227"/>
      <c r="B21" s="114" t="s">
        <v>401</v>
      </c>
      <c r="C21" s="263"/>
      <c r="D21" s="263"/>
      <c r="E21" s="263"/>
      <c r="F21" s="263"/>
      <c r="G21" s="263"/>
      <c r="H21" s="263"/>
      <c r="I21" s="263"/>
      <c r="J21" s="263"/>
      <c r="K21" s="263"/>
      <c r="L21" s="263"/>
    </row>
    <row r="22" spans="1:12" s="85" customFormat="1" ht="19.5" customHeight="1" x14ac:dyDescent="0.15">
      <c r="A22" s="227"/>
      <c r="B22" s="114" t="s">
        <v>402</v>
      </c>
      <c r="C22" s="263"/>
      <c r="D22" s="263"/>
      <c r="E22" s="263"/>
      <c r="F22" s="263"/>
      <c r="G22" s="263"/>
      <c r="H22" s="263"/>
      <c r="I22" s="263"/>
      <c r="J22" s="263"/>
      <c r="K22" s="263"/>
      <c r="L22" s="263"/>
    </row>
    <row r="23" spans="1:12" s="85" customFormat="1" ht="19.5" customHeight="1" x14ac:dyDescent="0.15">
      <c r="A23" s="227"/>
      <c r="B23" s="114" t="s">
        <v>403</v>
      </c>
      <c r="C23" s="263"/>
      <c r="D23" s="263"/>
      <c r="E23" s="263"/>
      <c r="F23" s="263"/>
      <c r="G23" s="263"/>
      <c r="H23" s="263"/>
      <c r="I23" s="263"/>
      <c r="J23" s="263"/>
      <c r="K23" s="133"/>
      <c r="L23" s="263"/>
    </row>
    <row r="24" spans="1:12" s="85" customFormat="1" ht="19.5" customHeight="1" x14ac:dyDescent="0.15">
      <c r="A24" s="227"/>
      <c r="B24" s="114" t="s">
        <v>404</v>
      </c>
      <c r="C24" s="263"/>
      <c r="D24" s="263"/>
      <c r="E24" s="263"/>
      <c r="F24" s="263"/>
      <c r="G24" s="263"/>
      <c r="H24" s="263"/>
      <c r="I24" s="263"/>
      <c r="J24" s="263"/>
      <c r="K24" s="133"/>
      <c r="L24" s="263"/>
    </row>
    <row r="25" spans="1:12" s="85" customFormat="1" ht="19.5" customHeight="1" x14ac:dyDescent="0.15">
      <c r="A25" s="227"/>
      <c r="B25" s="114" t="s">
        <v>405</v>
      </c>
      <c r="C25" s="263"/>
      <c r="D25" s="263"/>
      <c r="E25" s="263"/>
      <c r="F25" s="263"/>
      <c r="G25" s="263"/>
      <c r="H25" s="263"/>
      <c r="I25" s="263"/>
      <c r="J25" s="263"/>
      <c r="K25" s="133"/>
      <c r="L25" s="263"/>
    </row>
    <row r="26" spans="1:12" s="85" customFormat="1" ht="19.5" customHeight="1" x14ac:dyDescent="0.15">
      <c r="A26" s="227"/>
      <c r="B26" s="114" t="s">
        <v>406</v>
      </c>
      <c r="C26" s="263"/>
      <c r="D26" s="263"/>
      <c r="E26" s="263"/>
      <c r="F26" s="263"/>
      <c r="G26" s="263"/>
      <c r="H26" s="263"/>
      <c r="I26" s="263"/>
      <c r="J26" s="263"/>
      <c r="K26" s="263"/>
      <c r="L26" s="263"/>
    </row>
    <row r="27" spans="1:12" s="85" customFormat="1" ht="19.5" customHeight="1" x14ac:dyDescent="0.15">
      <c r="A27" s="227"/>
      <c r="B27" s="114" t="s">
        <v>407</v>
      </c>
      <c r="C27" s="263"/>
      <c r="D27" s="263"/>
      <c r="E27" s="263"/>
      <c r="F27" s="263"/>
      <c r="G27" s="263"/>
      <c r="H27" s="263"/>
      <c r="I27" s="263"/>
      <c r="J27" s="263"/>
      <c r="K27" s="263"/>
      <c r="L27" s="263"/>
    </row>
    <row r="28" spans="1:12" s="85" customFormat="1" ht="20.25" customHeight="1" x14ac:dyDescent="0.15">
      <c r="A28" s="227"/>
      <c r="B28" s="114" t="s">
        <v>408</v>
      </c>
      <c r="C28" s="263"/>
      <c r="D28" s="263"/>
      <c r="E28" s="263"/>
      <c r="F28" s="263"/>
      <c r="G28" s="263"/>
      <c r="H28" s="263"/>
      <c r="I28" s="263"/>
      <c r="J28" s="263"/>
      <c r="K28" s="263"/>
      <c r="L28" s="263"/>
    </row>
    <row r="29" spans="1:12" ht="20.25" customHeight="1" x14ac:dyDescent="0.15">
      <c r="A29" s="101"/>
      <c r="B29" s="114" t="s">
        <v>409</v>
      </c>
      <c r="C29" s="261"/>
      <c r="D29" s="261"/>
      <c r="E29" s="261"/>
      <c r="F29" s="261"/>
      <c r="G29" s="261"/>
      <c r="H29" s="261"/>
      <c r="I29" s="261"/>
      <c r="J29" s="261"/>
      <c r="K29" s="261"/>
      <c r="L29" s="101"/>
    </row>
    <row r="30" spans="1:12" ht="19.5" customHeight="1" x14ac:dyDescent="0.15">
      <c r="A30" s="101"/>
      <c r="B30" s="114" t="s">
        <v>410</v>
      </c>
      <c r="C30" s="261"/>
      <c r="D30" s="261"/>
      <c r="E30" s="261"/>
      <c r="F30" s="261"/>
      <c r="G30" s="261"/>
      <c r="H30" s="261"/>
      <c r="I30" s="261"/>
      <c r="J30" s="261"/>
      <c r="K30" s="261"/>
      <c r="L30" s="101"/>
    </row>
    <row r="31" spans="1:12" s="90" customFormat="1" ht="20.25" customHeight="1" x14ac:dyDescent="0.15">
      <c r="A31" s="135"/>
      <c r="B31" s="426" t="s">
        <v>411</v>
      </c>
      <c r="C31" s="426"/>
      <c r="D31" s="426"/>
      <c r="E31" s="426"/>
      <c r="F31" s="426"/>
      <c r="G31" s="426"/>
      <c r="H31" s="135"/>
      <c r="I31" s="135"/>
      <c r="J31" s="135"/>
      <c r="K31" s="135"/>
      <c r="L31" s="135"/>
    </row>
    <row r="32" spans="1:12" s="90" customFormat="1" ht="20.25" customHeight="1" x14ac:dyDescent="0.15">
      <c r="A32" s="135"/>
      <c r="B32" s="114" t="s">
        <v>412</v>
      </c>
      <c r="C32" s="263"/>
      <c r="D32" s="263"/>
      <c r="E32" s="263"/>
      <c r="F32" s="135"/>
      <c r="G32" s="135"/>
      <c r="H32" s="135"/>
      <c r="I32" s="135"/>
      <c r="J32" s="135"/>
      <c r="K32" s="135"/>
      <c r="L32" s="135"/>
    </row>
    <row r="33" spans="1:47" s="90" customFormat="1" ht="20.25" customHeight="1" x14ac:dyDescent="0.15">
      <c r="A33" s="135"/>
      <c r="B33" s="114" t="s">
        <v>413</v>
      </c>
      <c r="C33" s="263"/>
      <c r="D33" s="263"/>
      <c r="E33" s="263"/>
      <c r="F33" s="135"/>
      <c r="G33" s="135"/>
      <c r="H33" s="135"/>
      <c r="I33" s="135"/>
      <c r="J33" s="135"/>
      <c r="K33" s="135"/>
      <c r="L33" s="135"/>
    </row>
    <row r="34" spans="1:47" s="90" customFormat="1" ht="20.25" customHeight="1" x14ac:dyDescent="0.15">
      <c r="A34" s="135"/>
      <c r="B34" s="114" t="s">
        <v>414</v>
      </c>
      <c r="C34" s="263"/>
      <c r="D34" s="263"/>
      <c r="E34" s="263"/>
      <c r="F34" s="135"/>
      <c r="G34" s="135"/>
      <c r="H34" s="135"/>
      <c r="I34" s="135"/>
      <c r="J34" s="135"/>
      <c r="K34" s="135"/>
      <c r="L34" s="135"/>
    </row>
    <row r="35" spans="1:47" s="90" customFormat="1" ht="20.25" customHeight="1" x14ac:dyDescent="0.15">
      <c r="A35" s="135"/>
      <c r="B35" s="114" t="s">
        <v>415</v>
      </c>
      <c r="C35" s="263"/>
      <c r="D35" s="263"/>
      <c r="E35" s="263"/>
      <c r="F35" s="135"/>
      <c r="G35" s="135"/>
      <c r="H35" s="135"/>
      <c r="I35" s="135"/>
      <c r="J35" s="135"/>
      <c r="K35" s="135"/>
      <c r="L35" s="135"/>
    </row>
    <row r="36" spans="1:47" s="90" customFormat="1" ht="20.25" customHeight="1" x14ac:dyDescent="0.15">
      <c r="A36" s="135"/>
      <c r="B36" s="426" t="s">
        <v>416</v>
      </c>
      <c r="C36" s="426"/>
      <c r="D36" s="426"/>
      <c r="E36" s="426"/>
      <c r="F36" s="426"/>
      <c r="G36" s="426"/>
      <c r="H36" s="135"/>
      <c r="I36" s="135"/>
      <c r="J36" s="135"/>
      <c r="K36" s="135"/>
      <c r="L36" s="135"/>
    </row>
    <row r="37" spans="1:47" ht="20.25" customHeight="1" x14ac:dyDescent="0.15">
      <c r="A37" s="105"/>
      <c r="B37" s="426" t="s">
        <v>417</v>
      </c>
      <c r="C37" s="426"/>
      <c r="D37" s="426"/>
      <c r="E37" s="426"/>
      <c r="F37" s="426"/>
      <c r="G37" s="426"/>
      <c r="H37" s="101"/>
      <c r="I37" s="101"/>
      <c r="J37" s="101"/>
      <c r="K37" s="101"/>
      <c r="L37" s="101"/>
    </row>
    <row r="38" spans="1:47" ht="20.25" customHeight="1" x14ac:dyDescent="0.15">
      <c r="A38" s="248"/>
      <c r="B38" s="452" t="s">
        <v>418</v>
      </c>
      <c r="C38" s="452"/>
      <c r="D38" s="452"/>
      <c r="E38" s="452"/>
      <c r="F38" s="452"/>
      <c r="G38" s="452"/>
      <c r="H38" s="246"/>
      <c r="I38" s="246"/>
      <c r="J38" s="246"/>
      <c r="K38" s="246"/>
      <c r="L38" s="246"/>
      <c r="M38" s="102"/>
      <c r="N38" s="102"/>
      <c r="O38" s="102"/>
      <c r="P38" s="102"/>
      <c r="Q38" s="102"/>
      <c r="R38" s="102"/>
      <c r="S38" s="102"/>
      <c r="T38" s="102"/>
      <c r="U38" s="102"/>
      <c r="V38" s="102"/>
      <c r="W38" s="102"/>
      <c r="X38" s="102"/>
      <c r="Y38" s="102"/>
      <c r="Z38" s="102"/>
      <c r="AA38" s="102"/>
      <c r="AB38" s="102"/>
      <c r="AC38" s="102"/>
      <c r="AD38" s="102"/>
      <c r="AE38" s="102"/>
      <c r="AF38" s="102"/>
    </row>
    <row r="39" spans="1:47" s="90" customFormat="1" ht="20.25" customHeight="1" x14ac:dyDescent="0.15">
      <c r="A39" s="244"/>
      <c r="B39" s="452" t="s">
        <v>419</v>
      </c>
      <c r="C39" s="452"/>
      <c r="D39" s="452"/>
      <c r="E39" s="452"/>
      <c r="F39" s="452"/>
      <c r="G39" s="452"/>
      <c r="H39" s="452"/>
      <c r="I39" s="452"/>
      <c r="J39" s="452"/>
      <c r="K39" s="452"/>
      <c r="L39" s="244"/>
      <c r="M39" s="104"/>
      <c r="N39" s="104"/>
      <c r="O39" s="104"/>
      <c r="P39" s="104"/>
      <c r="Q39" s="104"/>
      <c r="R39" s="104"/>
      <c r="S39" s="104"/>
      <c r="T39" s="104"/>
      <c r="U39" s="104"/>
      <c r="V39" s="104"/>
      <c r="W39" s="104"/>
      <c r="X39" s="104"/>
      <c r="Y39" s="104"/>
      <c r="Z39" s="104"/>
      <c r="AA39" s="104"/>
      <c r="AB39" s="104"/>
      <c r="AC39" s="104"/>
      <c r="AD39" s="104"/>
      <c r="AE39" s="104"/>
      <c r="AF39" s="104"/>
      <c r="AG39" s="104"/>
      <c r="AH39" s="104"/>
      <c r="AI39" s="104"/>
      <c r="AJ39" s="104"/>
      <c r="AK39" s="104"/>
      <c r="AL39" s="104"/>
      <c r="AM39" s="104"/>
      <c r="AN39" s="104"/>
      <c r="AO39" s="104"/>
      <c r="AP39" s="104"/>
      <c r="AQ39" s="104"/>
      <c r="AR39" s="104"/>
      <c r="AS39" s="104"/>
      <c r="AT39" s="104"/>
      <c r="AU39" s="104"/>
    </row>
    <row r="40" spans="1:47" s="97" customFormat="1" ht="20.25" customHeight="1" x14ac:dyDescent="0.15">
      <c r="A40" s="109"/>
      <c r="B40" s="114" t="s">
        <v>420</v>
      </c>
      <c r="C40" s="261"/>
      <c r="D40" s="261"/>
      <c r="E40" s="261"/>
      <c r="F40" s="133"/>
      <c r="G40" s="133"/>
      <c r="H40" s="133"/>
      <c r="I40" s="133"/>
      <c r="J40" s="133"/>
      <c r="K40" s="133"/>
      <c r="L40" s="133"/>
      <c r="M40" s="103"/>
      <c r="N40" s="103"/>
      <c r="O40" s="103"/>
      <c r="P40" s="103"/>
      <c r="Q40" s="103"/>
      <c r="R40" s="103"/>
      <c r="S40" s="103"/>
      <c r="T40" s="103"/>
      <c r="U40" s="103"/>
      <c r="V40" s="103"/>
      <c r="W40" s="103"/>
      <c r="X40" s="103"/>
      <c r="Y40" s="103"/>
      <c r="Z40" s="103"/>
      <c r="AA40" s="103"/>
      <c r="AB40" s="103"/>
      <c r="AC40" s="103"/>
      <c r="AD40" s="103"/>
      <c r="AE40" s="103"/>
      <c r="AF40" s="103"/>
      <c r="AG40" s="103"/>
      <c r="AH40" s="103"/>
      <c r="AI40" s="103"/>
      <c r="AJ40" s="103"/>
      <c r="AK40" s="103"/>
      <c r="AL40" s="103"/>
      <c r="AM40" s="103"/>
      <c r="AN40" s="103"/>
      <c r="AO40" s="103"/>
      <c r="AP40" s="103"/>
      <c r="AQ40" s="103"/>
      <c r="AR40" s="103"/>
      <c r="AS40" s="103"/>
      <c r="AT40" s="103"/>
      <c r="AU40" s="103"/>
    </row>
    <row r="41" spans="1:47" ht="20.25" customHeight="1" x14ac:dyDescent="0.15">
      <c r="A41" s="259"/>
      <c r="B41" s="101"/>
      <c r="C41" s="101"/>
      <c r="D41" s="101"/>
      <c r="E41" s="101"/>
      <c r="F41" s="260"/>
      <c r="G41" s="260"/>
      <c r="H41" s="260"/>
      <c r="I41" s="260"/>
      <c r="J41" s="260"/>
      <c r="K41" s="260"/>
      <c r="L41" s="101"/>
    </row>
    <row r="42" spans="1:47" ht="20.25" customHeight="1" x14ac:dyDescent="0.15">
      <c r="A42" s="105"/>
      <c r="B42" s="262" t="s">
        <v>421</v>
      </c>
      <c r="C42" s="133"/>
      <c r="D42" s="133"/>
      <c r="E42" s="133"/>
      <c r="F42" s="101"/>
      <c r="G42" s="101"/>
      <c r="H42" s="101"/>
      <c r="I42" s="101"/>
      <c r="J42" s="101"/>
      <c r="K42" s="101"/>
      <c r="L42" s="101"/>
    </row>
    <row r="43" spans="1:47" ht="20.25" customHeight="1" x14ac:dyDescent="0.15">
      <c r="A43" s="105"/>
      <c r="B43" s="101"/>
      <c r="C43" s="101"/>
      <c r="D43" s="101"/>
      <c r="E43" s="101"/>
      <c r="F43" s="101"/>
      <c r="G43" s="101"/>
      <c r="H43" s="101"/>
      <c r="I43" s="101"/>
      <c r="J43" s="101"/>
      <c r="K43" s="101"/>
      <c r="L43" s="101"/>
    </row>
    <row r="44" spans="1:47" ht="20.25" customHeight="1" x14ac:dyDescent="0.15">
      <c r="A44" s="105"/>
      <c r="B44" s="114" t="s">
        <v>226</v>
      </c>
      <c r="C44" s="260"/>
      <c r="D44" s="260"/>
      <c r="E44" s="260"/>
      <c r="F44" s="101"/>
      <c r="G44" s="101"/>
      <c r="H44" s="101"/>
      <c r="I44" s="101"/>
      <c r="J44" s="101"/>
      <c r="K44" s="101"/>
      <c r="L44" s="101"/>
    </row>
    <row r="45" spans="1:47" ht="20.25" customHeight="1" x14ac:dyDescent="0.15">
      <c r="A45" s="105"/>
      <c r="B45" s="101"/>
      <c r="C45" s="101"/>
      <c r="D45" s="101"/>
      <c r="E45" s="101"/>
      <c r="F45" s="101"/>
      <c r="G45" s="101"/>
      <c r="H45" s="101"/>
      <c r="I45" s="101"/>
      <c r="J45" s="101"/>
      <c r="K45" s="101"/>
      <c r="L45" s="101"/>
    </row>
    <row r="122" spans="3:7" ht="20.25" customHeight="1" x14ac:dyDescent="0.15">
      <c r="C122" s="8"/>
      <c r="D122" s="8"/>
      <c r="E122" s="8"/>
      <c r="F122" s="8"/>
      <c r="G122" s="8"/>
    </row>
    <row r="123" spans="3:7" ht="20.25" customHeight="1" x14ac:dyDescent="0.15">
      <c r="C123" s="7"/>
    </row>
  </sheetData>
  <mergeCells count="9">
    <mergeCell ref="B39:K39"/>
    <mergeCell ref="B3:G3"/>
    <mergeCell ref="B31:G31"/>
    <mergeCell ref="B36:G36"/>
    <mergeCell ref="B37:G37"/>
    <mergeCell ref="B38:G38"/>
    <mergeCell ref="B11:G11"/>
    <mergeCell ref="B10:K10"/>
    <mergeCell ref="B19:I19"/>
  </mergeCells>
  <phoneticPr fontId="1"/>
  <printOptions horizontalCentered="1"/>
  <pageMargins left="0.23622047244094491" right="0.23622047244094491" top="0.74803149606299213" bottom="0.74803149606299213" header="0.31496062992125984" footer="0.31496062992125984"/>
  <pageSetup paperSize="9" scale="62" fitToHeight="0" orientation="landscape" cellComments="asDisplayed" r:id="rId1"/>
  <headerFooter alignWithMargins="0"/>
  <rowBreaks count="1" manualBreakCount="1">
    <brk id="162" max="16383" man="1"/>
  </rowBreaks>
  <colBreaks count="1" manualBreakCount="1">
    <brk id="1" max="1048575" man="1"/>
  </col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49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490" t="s">
        <v>422</v>
      </c>
      <c r="AA3" s="491"/>
      <c r="AB3" s="491"/>
      <c r="AC3" s="491"/>
      <c r="AD3" s="492"/>
      <c r="AE3" s="493"/>
      <c r="AF3" s="494"/>
      <c r="AG3" s="494"/>
      <c r="AH3" s="494"/>
      <c r="AI3" s="494"/>
      <c r="AJ3" s="494"/>
      <c r="AK3" s="494"/>
      <c r="AL3" s="495"/>
      <c r="AM3" s="20"/>
      <c r="AN3" s="1"/>
    </row>
    <row r="4" spans="2:40" s="2" customFormat="1" x14ac:dyDescent="0.15">
      <c r="AN4" s="21"/>
    </row>
    <row r="5" spans="2:40" s="2" customFormat="1" x14ac:dyDescent="0.15">
      <c r="B5" s="496" t="s">
        <v>457</v>
      </c>
      <c r="C5" s="496"/>
      <c r="D5" s="496"/>
      <c r="E5" s="496"/>
      <c r="F5" s="496"/>
      <c r="G5" s="496"/>
      <c r="H5" s="496"/>
      <c r="I5" s="496"/>
      <c r="J5" s="496"/>
      <c r="K5" s="496"/>
      <c r="L5" s="496"/>
      <c r="M5" s="496"/>
      <c r="N5" s="496"/>
      <c r="O5" s="496"/>
      <c r="P5" s="496"/>
      <c r="Q5" s="496"/>
      <c r="R5" s="496"/>
      <c r="S5" s="496"/>
      <c r="T5" s="496"/>
      <c r="U5" s="496"/>
      <c r="V5" s="496"/>
      <c r="W5" s="496"/>
      <c r="X5" s="496"/>
      <c r="Y5" s="496"/>
      <c r="Z5" s="496"/>
      <c r="AA5" s="496"/>
      <c r="AB5" s="496"/>
      <c r="AC5" s="496"/>
      <c r="AD5" s="496"/>
      <c r="AE5" s="496"/>
      <c r="AF5" s="496"/>
      <c r="AG5" s="496"/>
      <c r="AH5" s="496"/>
      <c r="AI5" s="496"/>
      <c r="AJ5" s="496"/>
      <c r="AK5" s="496"/>
      <c r="AL5" s="496"/>
    </row>
    <row r="6" spans="2:40" s="2" customFormat="1" ht="13.5" customHeight="1" x14ac:dyDescent="0.15">
      <c r="AC6" s="1"/>
      <c r="AD6" s="45"/>
      <c r="AE6" s="45" t="s">
        <v>494</v>
      </c>
      <c r="AH6" s="2" t="s">
        <v>423</v>
      </c>
      <c r="AJ6" s="2" t="s">
        <v>491</v>
      </c>
      <c r="AL6" s="2" t="s">
        <v>489</v>
      </c>
    </row>
    <row r="7" spans="2:40" s="2" customFormat="1" x14ac:dyDescent="0.15">
      <c r="B7" s="496" t="s">
        <v>495</v>
      </c>
      <c r="C7" s="496"/>
      <c r="D7" s="496"/>
      <c r="E7" s="496"/>
      <c r="F7" s="496"/>
      <c r="G7" s="496"/>
      <c r="H7" s="496"/>
      <c r="I7" s="496"/>
      <c r="J7" s="496"/>
      <c r="K7" s="12"/>
      <c r="L7" s="12"/>
      <c r="M7" s="12"/>
      <c r="N7" s="12"/>
      <c r="O7" s="12"/>
      <c r="P7" s="12"/>
      <c r="Q7" s="12"/>
      <c r="R7" s="12"/>
      <c r="S7" s="12"/>
      <c r="T7" s="12"/>
    </row>
    <row r="8" spans="2:40" s="2" customFormat="1" x14ac:dyDescent="0.15">
      <c r="AC8" s="1" t="s">
        <v>458</v>
      </c>
    </row>
    <row r="9" spans="2:40" s="2" customFormat="1" x14ac:dyDescent="0.15">
      <c r="C9" s="1" t="s">
        <v>459</v>
      </c>
      <c r="D9" s="1"/>
    </row>
    <row r="10" spans="2:40" s="2" customFormat="1" ht="6.75" customHeight="1" x14ac:dyDescent="0.15">
      <c r="C10" s="1"/>
      <c r="D10" s="1"/>
    </row>
    <row r="11" spans="2:40" s="2" customFormat="1" ht="14.25" customHeight="1" x14ac:dyDescent="0.15">
      <c r="B11" s="497" t="s">
        <v>424</v>
      </c>
      <c r="C11" s="500" t="s">
        <v>425</v>
      </c>
      <c r="D11" s="501"/>
      <c r="E11" s="501"/>
      <c r="F11" s="501"/>
      <c r="G11" s="501"/>
      <c r="H11" s="501"/>
      <c r="I11" s="501"/>
      <c r="J11" s="501"/>
      <c r="K11" s="50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498"/>
      <c r="C12" s="503" t="s">
        <v>426</v>
      </c>
      <c r="D12" s="504"/>
      <c r="E12" s="504"/>
      <c r="F12" s="504"/>
      <c r="G12" s="504"/>
      <c r="H12" s="504"/>
      <c r="I12" s="504"/>
      <c r="J12" s="504"/>
      <c r="K12" s="504"/>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498"/>
      <c r="C13" s="500" t="s">
        <v>492</v>
      </c>
      <c r="D13" s="501"/>
      <c r="E13" s="501"/>
      <c r="F13" s="501"/>
      <c r="G13" s="501"/>
      <c r="H13" s="501"/>
      <c r="I13" s="501"/>
      <c r="J13" s="501"/>
      <c r="K13" s="505"/>
      <c r="L13" s="510" t="s">
        <v>496</v>
      </c>
      <c r="M13" s="511"/>
      <c r="N13" s="511"/>
      <c r="O13" s="511"/>
      <c r="P13" s="511"/>
      <c r="Q13" s="511"/>
      <c r="R13" s="511"/>
      <c r="S13" s="511"/>
      <c r="T13" s="511"/>
      <c r="U13" s="511"/>
      <c r="V13" s="511"/>
      <c r="W13" s="511"/>
      <c r="X13" s="511"/>
      <c r="Y13" s="511"/>
      <c r="Z13" s="511"/>
      <c r="AA13" s="511"/>
      <c r="AB13" s="511"/>
      <c r="AC13" s="511"/>
      <c r="AD13" s="511"/>
      <c r="AE13" s="511"/>
      <c r="AF13" s="511"/>
      <c r="AG13" s="511"/>
      <c r="AH13" s="511"/>
      <c r="AI13" s="511"/>
      <c r="AJ13" s="511"/>
      <c r="AK13" s="511"/>
      <c r="AL13" s="512"/>
    </row>
    <row r="14" spans="2:40" s="2" customFormat="1" x14ac:dyDescent="0.15">
      <c r="B14" s="498"/>
      <c r="C14" s="503"/>
      <c r="D14" s="504"/>
      <c r="E14" s="504"/>
      <c r="F14" s="504"/>
      <c r="G14" s="504"/>
      <c r="H14" s="504"/>
      <c r="I14" s="504"/>
      <c r="J14" s="504"/>
      <c r="K14" s="506"/>
      <c r="L14" s="513" t="s">
        <v>497</v>
      </c>
      <c r="M14" s="514"/>
      <c r="N14" s="514"/>
      <c r="O14" s="514"/>
      <c r="P14" s="514"/>
      <c r="Q14" s="514"/>
      <c r="R14" s="514"/>
      <c r="S14" s="514"/>
      <c r="T14" s="514"/>
      <c r="U14" s="514"/>
      <c r="V14" s="514"/>
      <c r="W14" s="514"/>
      <c r="X14" s="514"/>
      <c r="Y14" s="514"/>
      <c r="Z14" s="514"/>
      <c r="AA14" s="514"/>
      <c r="AB14" s="514"/>
      <c r="AC14" s="514"/>
      <c r="AD14" s="514"/>
      <c r="AE14" s="514"/>
      <c r="AF14" s="514"/>
      <c r="AG14" s="514"/>
      <c r="AH14" s="514"/>
      <c r="AI14" s="514"/>
      <c r="AJ14" s="514"/>
      <c r="AK14" s="514"/>
      <c r="AL14" s="515"/>
    </row>
    <row r="15" spans="2:40" s="2" customFormat="1" x14ac:dyDescent="0.15">
      <c r="B15" s="498"/>
      <c r="C15" s="507"/>
      <c r="D15" s="508"/>
      <c r="E15" s="508"/>
      <c r="F15" s="508"/>
      <c r="G15" s="508"/>
      <c r="H15" s="508"/>
      <c r="I15" s="508"/>
      <c r="J15" s="508"/>
      <c r="K15" s="509"/>
      <c r="L15" s="516" t="s">
        <v>427</v>
      </c>
      <c r="M15" s="517"/>
      <c r="N15" s="517"/>
      <c r="O15" s="517"/>
      <c r="P15" s="517"/>
      <c r="Q15" s="517"/>
      <c r="R15" s="517"/>
      <c r="S15" s="517"/>
      <c r="T15" s="517"/>
      <c r="U15" s="517"/>
      <c r="V15" s="517"/>
      <c r="W15" s="517"/>
      <c r="X15" s="517"/>
      <c r="Y15" s="517"/>
      <c r="Z15" s="517"/>
      <c r="AA15" s="517"/>
      <c r="AB15" s="517"/>
      <c r="AC15" s="517"/>
      <c r="AD15" s="517"/>
      <c r="AE15" s="517"/>
      <c r="AF15" s="517"/>
      <c r="AG15" s="517"/>
      <c r="AH15" s="517"/>
      <c r="AI15" s="517"/>
      <c r="AJ15" s="517"/>
      <c r="AK15" s="517"/>
      <c r="AL15" s="518"/>
    </row>
    <row r="16" spans="2:40" s="2" customFormat="1" ht="14.25" customHeight="1" x14ac:dyDescent="0.15">
      <c r="B16" s="498"/>
      <c r="C16" s="519" t="s">
        <v>428</v>
      </c>
      <c r="D16" s="520"/>
      <c r="E16" s="520"/>
      <c r="F16" s="520"/>
      <c r="G16" s="520"/>
      <c r="H16" s="520"/>
      <c r="I16" s="520"/>
      <c r="J16" s="520"/>
      <c r="K16" s="521"/>
      <c r="L16" s="490" t="s">
        <v>429</v>
      </c>
      <c r="M16" s="491"/>
      <c r="N16" s="491"/>
      <c r="O16" s="491"/>
      <c r="P16" s="492"/>
      <c r="Q16" s="24"/>
      <c r="R16" s="25"/>
      <c r="S16" s="25"/>
      <c r="T16" s="25"/>
      <c r="U16" s="25"/>
      <c r="V16" s="25"/>
      <c r="W16" s="25"/>
      <c r="X16" s="25"/>
      <c r="Y16" s="26"/>
      <c r="Z16" s="522" t="s">
        <v>430</v>
      </c>
      <c r="AA16" s="523"/>
      <c r="AB16" s="523"/>
      <c r="AC16" s="523"/>
      <c r="AD16" s="524"/>
      <c r="AE16" s="28"/>
      <c r="AF16" s="32"/>
      <c r="AG16" s="22"/>
      <c r="AH16" s="22"/>
      <c r="AI16" s="22"/>
      <c r="AJ16" s="511"/>
      <c r="AK16" s="511"/>
      <c r="AL16" s="512"/>
    </row>
    <row r="17" spans="2:40" ht="14.25" customHeight="1" x14ac:dyDescent="0.15">
      <c r="B17" s="498"/>
      <c r="C17" s="530" t="s">
        <v>460</v>
      </c>
      <c r="D17" s="531"/>
      <c r="E17" s="531"/>
      <c r="F17" s="531"/>
      <c r="G17" s="531"/>
      <c r="H17" s="531"/>
      <c r="I17" s="531"/>
      <c r="J17" s="531"/>
      <c r="K17" s="532"/>
      <c r="L17" s="27"/>
      <c r="M17" s="27"/>
      <c r="N17" s="27"/>
      <c r="O17" s="27"/>
      <c r="P17" s="27"/>
      <c r="Q17" s="27"/>
      <c r="R17" s="27"/>
      <c r="S17" s="27"/>
      <c r="U17" s="490" t="s">
        <v>431</v>
      </c>
      <c r="V17" s="491"/>
      <c r="W17" s="491"/>
      <c r="X17" s="491"/>
      <c r="Y17" s="492"/>
      <c r="Z17" s="18"/>
      <c r="AA17" s="19"/>
      <c r="AB17" s="19"/>
      <c r="AC17" s="19"/>
      <c r="AD17" s="19"/>
      <c r="AE17" s="533"/>
      <c r="AF17" s="533"/>
      <c r="AG17" s="533"/>
      <c r="AH17" s="533"/>
      <c r="AI17" s="533"/>
      <c r="AJ17" s="533"/>
      <c r="AK17" s="533"/>
      <c r="AL17" s="17"/>
      <c r="AN17" s="3"/>
    </row>
    <row r="18" spans="2:40" ht="14.25" customHeight="1" x14ac:dyDescent="0.15">
      <c r="B18" s="498"/>
      <c r="C18" s="525" t="s">
        <v>461</v>
      </c>
      <c r="D18" s="525"/>
      <c r="E18" s="525"/>
      <c r="F18" s="525"/>
      <c r="G18" s="525"/>
      <c r="H18" s="526"/>
      <c r="I18" s="526"/>
      <c r="J18" s="526"/>
      <c r="K18" s="527"/>
      <c r="L18" s="490" t="s">
        <v>432</v>
      </c>
      <c r="M18" s="491"/>
      <c r="N18" s="491"/>
      <c r="O18" s="491"/>
      <c r="P18" s="492"/>
      <c r="Q18" s="29"/>
      <c r="R18" s="30"/>
      <c r="S18" s="30"/>
      <c r="T18" s="30"/>
      <c r="U18" s="30"/>
      <c r="V18" s="30"/>
      <c r="W18" s="30"/>
      <c r="X18" s="30"/>
      <c r="Y18" s="31"/>
      <c r="Z18" s="528" t="s">
        <v>433</v>
      </c>
      <c r="AA18" s="528"/>
      <c r="AB18" s="528"/>
      <c r="AC18" s="528"/>
      <c r="AD18" s="529"/>
      <c r="AE18" s="15"/>
      <c r="AF18" s="16"/>
      <c r="AG18" s="16"/>
      <c r="AH18" s="16"/>
      <c r="AI18" s="16"/>
      <c r="AJ18" s="16"/>
      <c r="AK18" s="16"/>
      <c r="AL18" s="17"/>
      <c r="AN18" s="3"/>
    </row>
    <row r="19" spans="2:40" ht="13.5" customHeight="1" x14ac:dyDescent="0.15">
      <c r="B19" s="498"/>
      <c r="C19" s="540" t="s">
        <v>434</v>
      </c>
      <c r="D19" s="540"/>
      <c r="E19" s="540"/>
      <c r="F19" s="540"/>
      <c r="G19" s="540"/>
      <c r="H19" s="542"/>
      <c r="I19" s="542"/>
      <c r="J19" s="542"/>
      <c r="K19" s="542"/>
      <c r="L19" s="510" t="s">
        <v>496</v>
      </c>
      <c r="M19" s="511"/>
      <c r="N19" s="511"/>
      <c r="O19" s="511"/>
      <c r="P19" s="511"/>
      <c r="Q19" s="511"/>
      <c r="R19" s="511"/>
      <c r="S19" s="511"/>
      <c r="T19" s="511"/>
      <c r="U19" s="511"/>
      <c r="V19" s="511"/>
      <c r="W19" s="511"/>
      <c r="X19" s="511"/>
      <c r="Y19" s="511"/>
      <c r="Z19" s="511"/>
      <c r="AA19" s="511"/>
      <c r="AB19" s="511"/>
      <c r="AC19" s="511"/>
      <c r="AD19" s="511"/>
      <c r="AE19" s="511"/>
      <c r="AF19" s="511"/>
      <c r="AG19" s="511"/>
      <c r="AH19" s="511"/>
      <c r="AI19" s="511"/>
      <c r="AJ19" s="511"/>
      <c r="AK19" s="511"/>
      <c r="AL19" s="512"/>
      <c r="AN19" s="3"/>
    </row>
    <row r="20" spans="2:40" ht="14.25" customHeight="1" x14ac:dyDescent="0.15">
      <c r="B20" s="498"/>
      <c r="C20" s="540"/>
      <c r="D20" s="540"/>
      <c r="E20" s="540"/>
      <c r="F20" s="540"/>
      <c r="G20" s="540"/>
      <c r="H20" s="542"/>
      <c r="I20" s="542"/>
      <c r="J20" s="542"/>
      <c r="K20" s="542"/>
      <c r="L20" s="513" t="s">
        <v>497</v>
      </c>
      <c r="M20" s="514"/>
      <c r="N20" s="514"/>
      <c r="O20" s="514"/>
      <c r="P20" s="514"/>
      <c r="Q20" s="514"/>
      <c r="R20" s="514"/>
      <c r="S20" s="514"/>
      <c r="T20" s="514"/>
      <c r="U20" s="514"/>
      <c r="V20" s="514"/>
      <c r="W20" s="514"/>
      <c r="X20" s="514"/>
      <c r="Y20" s="514"/>
      <c r="Z20" s="514"/>
      <c r="AA20" s="514"/>
      <c r="AB20" s="514"/>
      <c r="AC20" s="514"/>
      <c r="AD20" s="514"/>
      <c r="AE20" s="514"/>
      <c r="AF20" s="514"/>
      <c r="AG20" s="514"/>
      <c r="AH20" s="514"/>
      <c r="AI20" s="514"/>
      <c r="AJ20" s="514"/>
      <c r="AK20" s="514"/>
      <c r="AL20" s="515"/>
      <c r="AN20" s="3"/>
    </row>
    <row r="21" spans="2:40" x14ac:dyDescent="0.15">
      <c r="B21" s="499"/>
      <c r="C21" s="543"/>
      <c r="D21" s="543"/>
      <c r="E21" s="543"/>
      <c r="F21" s="543"/>
      <c r="G21" s="543"/>
      <c r="H21" s="544"/>
      <c r="I21" s="544"/>
      <c r="J21" s="544"/>
      <c r="K21" s="544"/>
      <c r="L21" s="537"/>
      <c r="M21" s="538"/>
      <c r="N21" s="538"/>
      <c r="O21" s="538"/>
      <c r="P21" s="538"/>
      <c r="Q21" s="538"/>
      <c r="R21" s="538"/>
      <c r="S21" s="538"/>
      <c r="T21" s="538"/>
      <c r="U21" s="538"/>
      <c r="V21" s="538"/>
      <c r="W21" s="538"/>
      <c r="X21" s="538"/>
      <c r="Y21" s="538"/>
      <c r="Z21" s="538"/>
      <c r="AA21" s="538"/>
      <c r="AB21" s="538"/>
      <c r="AC21" s="538"/>
      <c r="AD21" s="538"/>
      <c r="AE21" s="538"/>
      <c r="AF21" s="538"/>
      <c r="AG21" s="538"/>
      <c r="AH21" s="538"/>
      <c r="AI21" s="538"/>
      <c r="AJ21" s="538"/>
      <c r="AK21" s="538"/>
      <c r="AL21" s="539"/>
      <c r="AN21" s="3"/>
    </row>
    <row r="22" spans="2:40" ht="13.5" customHeight="1" x14ac:dyDescent="0.15">
      <c r="B22" s="534" t="s">
        <v>462</v>
      </c>
      <c r="C22" s="500" t="s">
        <v>463</v>
      </c>
      <c r="D22" s="501"/>
      <c r="E22" s="501"/>
      <c r="F22" s="501"/>
      <c r="G22" s="501"/>
      <c r="H22" s="501"/>
      <c r="I22" s="501"/>
      <c r="J22" s="501"/>
      <c r="K22" s="505"/>
      <c r="L22" s="510" t="s">
        <v>496</v>
      </c>
      <c r="M22" s="511"/>
      <c r="N22" s="511"/>
      <c r="O22" s="511"/>
      <c r="P22" s="511"/>
      <c r="Q22" s="511"/>
      <c r="R22" s="511"/>
      <c r="S22" s="511"/>
      <c r="T22" s="511"/>
      <c r="U22" s="511"/>
      <c r="V22" s="511"/>
      <c r="W22" s="511"/>
      <c r="X22" s="511"/>
      <c r="Y22" s="511"/>
      <c r="Z22" s="511"/>
      <c r="AA22" s="511"/>
      <c r="AB22" s="511"/>
      <c r="AC22" s="511"/>
      <c r="AD22" s="511"/>
      <c r="AE22" s="511"/>
      <c r="AF22" s="511"/>
      <c r="AG22" s="511"/>
      <c r="AH22" s="511"/>
      <c r="AI22" s="511"/>
      <c r="AJ22" s="511"/>
      <c r="AK22" s="511"/>
      <c r="AL22" s="512"/>
      <c r="AN22" s="3"/>
    </row>
    <row r="23" spans="2:40" ht="14.25" customHeight="1" x14ac:dyDescent="0.15">
      <c r="B23" s="535"/>
      <c r="C23" s="503"/>
      <c r="D23" s="504"/>
      <c r="E23" s="504"/>
      <c r="F23" s="504"/>
      <c r="G23" s="504"/>
      <c r="H23" s="504"/>
      <c r="I23" s="504"/>
      <c r="J23" s="504"/>
      <c r="K23" s="506"/>
      <c r="L23" s="513" t="s">
        <v>497</v>
      </c>
      <c r="M23" s="514"/>
      <c r="N23" s="514"/>
      <c r="O23" s="514"/>
      <c r="P23" s="514"/>
      <c r="Q23" s="514"/>
      <c r="R23" s="514"/>
      <c r="S23" s="514"/>
      <c r="T23" s="514"/>
      <c r="U23" s="514"/>
      <c r="V23" s="514"/>
      <c r="W23" s="514"/>
      <c r="X23" s="514"/>
      <c r="Y23" s="514"/>
      <c r="Z23" s="514"/>
      <c r="AA23" s="514"/>
      <c r="AB23" s="514"/>
      <c r="AC23" s="514"/>
      <c r="AD23" s="514"/>
      <c r="AE23" s="514"/>
      <c r="AF23" s="514"/>
      <c r="AG23" s="514"/>
      <c r="AH23" s="514"/>
      <c r="AI23" s="514"/>
      <c r="AJ23" s="514"/>
      <c r="AK23" s="514"/>
      <c r="AL23" s="515"/>
      <c r="AN23" s="3"/>
    </row>
    <row r="24" spans="2:40" x14ac:dyDescent="0.15">
      <c r="B24" s="535"/>
      <c r="C24" s="507"/>
      <c r="D24" s="508"/>
      <c r="E24" s="508"/>
      <c r="F24" s="508"/>
      <c r="G24" s="508"/>
      <c r="H24" s="508"/>
      <c r="I24" s="508"/>
      <c r="J24" s="508"/>
      <c r="K24" s="509"/>
      <c r="L24" s="537"/>
      <c r="M24" s="538"/>
      <c r="N24" s="538"/>
      <c r="O24" s="538"/>
      <c r="P24" s="538"/>
      <c r="Q24" s="538"/>
      <c r="R24" s="538"/>
      <c r="S24" s="538"/>
      <c r="T24" s="538"/>
      <c r="U24" s="538"/>
      <c r="V24" s="538"/>
      <c r="W24" s="538"/>
      <c r="X24" s="538"/>
      <c r="Y24" s="538"/>
      <c r="Z24" s="538"/>
      <c r="AA24" s="538"/>
      <c r="AB24" s="538"/>
      <c r="AC24" s="538"/>
      <c r="AD24" s="538"/>
      <c r="AE24" s="538"/>
      <c r="AF24" s="538"/>
      <c r="AG24" s="538"/>
      <c r="AH24" s="538"/>
      <c r="AI24" s="538"/>
      <c r="AJ24" s="538"/>
      <c r="AK24" s="538"/>
      <c r="AL24" s="539"/>
      <c r="AN24" s="3"/>
    </row>
    <row r="25" spans="2:40" ht="14.25" customHeight="1" x14ac:dyDescent="0.15">
      <c r="B25" s="535"/>
      <c r="C25" s="540" t="s">
        <v>428</v>
      </c>
      <c r="D25" s="540"/>
      <c r="E25" s="540"/>
      <c r="F25" s="540"/>
      <c r="G25" s="540"/>
      <c r="H25" s="540"/>
      <c r="I25" s="540"/>
      <c r="J25" s="540"/>
      <c r="K25" s="540"/>
      <c r="L25" s="490" t="s">
        <v>429</v>
      </c>
      <c r="M25" s="491"/>
      <c r="N25" s="491"/>
      <c r="O25" s="491"/>
      <c r="P25" s="492"/>
      <c r="Q25" s="24"/>
      <c r="R25" s="25"/>
      <c r="S25" s="25"/>
      <c r="T25" s="25"/>
      <c r="U25" s="25"/>
      <c r="V25" s="25"/>
      <c r="W25" s="25"/>
      <c r="X25" s="25"/>
      <c r="Y25" s="26"/>
      <c r="Z25" s="522" t="s">
        <v>430</v>
      </c>
      <c r="AA25" s="523"/>
      <c r="AB25" s="523"/>
      <c r="AC25" s="523"/>
      <c r="AD25" s="524"/>
      <c r="AE25" s="28"/>
      <c r="AF25" s="32"/>
      <c r="AG25" s="22"/>
      <c r="AH25" s="22"/>
      <c r="AI25" s="22"/>
      <c r="AJ25" s="511"/>
      <c r="AK25" s="511"/>
      <c r="AL25" s="512"/>
      <c r="AN25" s="3"/>
    </row>
    <row r="26" spans="2:40" ht="13.5" customHeight="1" x14ac:dyDescent="0.15">
      <c r="B26" s="535"/>
      <c r="C26" s="541" t="s">
        <v>464</v>
      </c>
      <c r="D26" s="541"/>
      <c r="E26" s="541"/>
      <c r="F26" s="541"/>
      <c r="G26" s="541"/>
      <c r="H26" s="541"/>
      <c r="I26" s="541"/>
      <c r="J26" s="541"/>
      <c r="K26" s="541"/>
      <c r="L26" s="510" t="s">
        <v>496</v>
      </c>
      <c r="M26" s="511"/>
      <c r="N26" s="511"/>
      <c r="O26" s="511"/>
      <c r="P26" s="511"/>
      <c r="Q26" s="511"/>
      <c r="R26" s="511"/>
      <c r="S26" s="511"/>
      <c r="T26" s="511"/>
      <c r="U26" s="511"/>
      <c r="V26" s="511"/>
      <c r="W26" s="511"/>
      <c r="X26" s="511"/>
      <c r="Y26" s="511"/>
      <c r="Z26" s="511"/>
      <c r="AA26" s="511"/>
      <c r="AB26" s="511"/>
      <c r="AC26" s="511"/>
      <c r="AD26" s="511"/>
      <c r="AE26" s="511"/>
      <c r="AF26" s="511"/>
      <c r="AG26" s="511"/>
      <c r="AH26" s="511"/>
      <c r="AI26" s="511"/>
      <c r="AJ26" s="511"/>
      <c r="AK26" s="511"/>
      <c r="AL26" s="512"/>
      <c r="AN26" s="3"/>
    </row>
    <row r="27" spans="2:40" ht="14.25" customHeight="1" x14ac:dyDescent="0.15">
      <c r="B27" s="535"/>
      <c r="C27" s="541"/>
      <c r="D27" s="541"/>
      <c r="E27" s="541"/>
      <c r="F27" s="541"/>
      <c r="G27" s="541"/>
      <c r="H27" s="541"/>
      <c r="I27" s="541"/>
      <c r="J27" s="541"/>
      <c r="K27" s="541"/>
      <c r="L27" s="513" t="s">
        <v>497</v>
      </c>
      <c r="M27" s="514"/>
      <c r="N27" s="514"/>
      <c r="O27" s="514"/>
      <c r="P27" s="514"/>
      <c r="Q27" s="514"/>
      <c r="R27" s="514"/>
      <c r="S27" s="514"/>
      <c r="T27" s="514"/>
      <c r="U27" s="514"/>
      <c r="V27" s="514"/>
      <c r="W27" s="514"/>
      <c r="X27" s="514"/>
      <c r="Y27" s="514"/>
      <c r="Z27" s="514"/>
      <c r="AA27" s="514"/>
      <c r="AB27" s="514"/>
      <c r="AC27" s="514"/>
      <c r="AD27" s="514"/>
      <c r="AE27" s="514"/>
      <c r="AF27" s="514"/>
      <c r="AG27" s="514"/>
      <c r="AH27" s="514"/>
      <c r="AI27" s="514"/>
      <c r="AJ27" s="514"/>
      <c r="AK27" s="514"/>
      <c r="AL27" s="515"/>
      <c r="AN27" s="3"/>
    </row>
    <row r="28" spans="2:40" x14ac:dyDescent="0.15">
      <c r="B28" s="535"/>
      <c r="C28" s="541"/>
      <c r="D28" s="541"/>
      <c r="E28" s="541"/>
      <c r="F28" s="541"/>
      <c r="G28" s="541"/>
      <c r="H28" s="541"/>
      <c r="I28" s="541"/>
      <c r="J28" s="541"/>
      <c r="K28" s="541"/>
      <c r="L28" s="537"/>
      <c r="M28" s="538"/>
      <c r="N28" s="538"/>
      <c r="O28" s="538"/>
      <c r="P28" s="538"/>
      <c r="Q28" s="538"/>
      <c r="R28" s="538"/>
      <c r="S28" s="538"/>
      <c r="T28" s="538"/>
      <c r="U28" s="538"/>
      <c r="V28" s="538"/>
      <c r="W28" s="538"/>
      <c r="X28" s="538"/>
      <c r="Y28" s="538"/>
      <c r="Z28" s="538"/>
      <c r="AA28" s="538"/>
      <c r="AB28" s="538"/>
      <c r="AC28" s="538"/>
      <c r="AD28" s="538"/>
      <c r="AE28" s="538"/>
      <c r="AF28" s="538"/>
      <c r="AG28" s="538"/>
      <c r="AH28" s="538"/>
      <c r="AI28" s="538"/>
      <c r="AJ28" s="538"/>
      <c r="AK28" s="538"/>
      <c r="AL28" s="539"/>
      <c r="AN28" s="3"/>
    </row>
    <row r="29" spans="2:40" ht="14.25" customHeight="1" x14ac:dyDescent="0.15">
      <c r="B29" s="535"/>
      <c r="C29" s="540" t="s">
        <v>428</v>
      </c>
      <c r="D29" s="540"/>
      <c r="E29" s="540"/>
      <c r="F29" s="540"/>
      <c r="G29" s="540"/>
      <c r="H29" s="540"/>
      <c r="I29" s="540"/>
      <c r="J29" s="540"/>
      <c r="K29" s="540"/>
      <c r="L29" s="490" t="s">
        <v>429</v>
      </c>
      <c r="M29" s="491"/>
      <c r="N29" s="491"/>
      <c r="O29" s="491"/>
      <c r="P29" s="492"/>
      <c r="Q29" s="28"/>
      <c r="R29" s="32"/>
      <c r="S29" s="32"/>
      <c r="T29" s="32"/>
      <c r="U29" s="32"/>
      <c r="V29" s="32"/>
      <c r="W29" s="32"/>
      <c r="X29" s="32"/>
      <c r="Y29" s="33"/>
      <c r="Z29" s="522" t="s">
        <v>430</v>
      </c>
      <c r="AA29" s="523"/>
      <c r="AB29" s="523"/>
      <c r="AC29" s="523"/>
      <c r="AD29" s="524"/>
      <c r="AE29" s="28"/>
      <c r="AF29" s="32"/>
      <c r="AG29" s="22"/>
      <c r="AH29" s="22"/>
      <c r="AI29" s="22"/>
      <c r="AJ29" s="511"/>
      <c r="AK29" s="511"/>
      <c r="AL29" s="512"/>
      <c r="AN29" s="3"/>
    </row>
    <row r="30" spans="2:40" ht="14.25" customHeight="1" x14ac:dyDescent="0.15">
      <c r="B30" s="535"/>
      <c r="C30" s="540" t="s">
        <v>435</v>
      </c>
      <c r="D30" s="540"/>
      <c r="E30" s="540"/>
      <c r="F30" s="540"/>
      <c r="G30" s="540"/>
      <c r="H30" s="540"/>
      <c r="I30" s="540"/>
      <c r="J30" s="540"/>
      <c r="K30" s="540"/>
      <c r="L30" s="545"/>
      <c r="M30" s="545"/>
      <c r="N30" s="545"/>
      <c r="O30" s="545"/>
      <c r="P30" s="545"/>
      <c r="Q30" s="545"/>
      <c r="R30" s="545"/>
      <c r="S30" s="545"/>
      <c r="T30" s="545"/>
      <c r="U30" s="545"/>
      <c r="V30" s="545"/>
      <c r="W30" s="545"/>
      <c r="X30" s="545"/>
      <c r="Y30" s="545"/>
      <c r="Z30" s="545"/>
      <c r="AA30" s="545"/>
      <c r="AB30" s="545"/>
      <c r="AC30" s="545"/>
      <c r="AD30" s="545"/>
      <c r="AE30" s="545"/>
      <c r="AF30" s="545"/>
      <c r="AG30" s="545"/>
      <c r="AH30" s="545"/>
      <c r="AI30" s="545"/>
      <c r="AJ30" s="545"/>
      <c r="AK30" s="545"/>
      <c r="AL30" s="545"/>
      <c r="AN30" s="3"/>
    </row>
    <row r="31" spans="2:40" ht="13.5" customHeight="1" x14ac:dyDescent="0.15">
      <c r="B31" s="535"/>
      <c r="C31" s="540" t="s">
        <v>436</v>
      </c>
      <c r="D31" s="540"/>
      <c r="E31" s="540"/>
      <c r="F31" s="540"/>
      <c r="G31" s="540"/>
      <c r="H31" s="540"/>
      <c r="I31" s="540"/>
      <c r="J31" s="540"/>
      <c r="K31" s="540"/>
      <c r="L31" s="510" t="s">
        <v>496</v>
      </c>
      <c r="M31" s="511"/>
      <c r="N31" s="511"/>
      <c r="O31" s="511"/>
      <c r="P31" s="511"/>
      <c r="Q31" s="511"/>
      <c r="R31" s="511"/>
      <c r="S31" s="511"/>
      <c r="T31" s="511"/>
      <c r="U31" s="511"/>
      <c r="V31" s="511"/>
      <c r="W31" s="511"/>
      <c r="X31" s="511"/>
      <c r="Y31" s="511"/>
      <c r="Z31" s="511"/>
      <c r="AA31" s="511"/>
      <c r="AB31" s="511"/>
      <c r="AC31" s="511"/>
      <c r="AD31" s="511"/>
      <c r="AE31" s="511"/>
      <c r="AF31" s="511"/>
      <c r="AG31" s="511"/>
      <c r="AH31" s="511"/>
      <c r="AI31" s="511"/>
      <c r="AJ31" s="511"/>
      <c r="AK31" s="511"/>
      <c r="AL31" s="512"/>
      <c r="AN31" s="3"/>
    </row>
    <row r="32" spans="2:40" ht="14.25" customHeight="1" x14ac:dyDescent="0.15">
      <c r="B32" s="535"/>
      <c r="C32" s="540"/>
      <c r="D32" s="540"/>
      <c r="E32" s="540"/>
      <c r="F32" s="540"/>
      <c r="G32" s="540"/>
      <c r="H32" s="540"/>
      <c r="I32" s="540"/>
      <c r="J32" s="540"/>
      <c r="K32" s="540"/>
      <c r="L32" s="513" t="s">
        <v>497</v>
      </c>
      <c r="M32" s="514"/>
      <c r="N32" s="514"/>
      <c r="O32" s="514"/>
      <c r="P32" s="514"/>
      <c r="Q32" s="514"/>
      <c r="R32" s="514"/>
      <c r="S32" s="514"/>
      <c r="T32" s="514"/>
      <c r="U32" s="514"/>
      <c r="V32" s="514"/>
      <c r="W32" s="514"/>
      <c r="X32" s="514"/>
      <c r="Y32" s="514"/>
      <c r="Z32" s="514"/>
      <c r="AA32" s="514"/>
      <c r="AB32" s="514"/>
      <c r="AC32" s="514"/>
      <c r="AD32" s="514"/>
      <c r="AE32" s="514"/>
      <c r="AF32" s="514"/>
      <c r="AG32" s="514"/>
      <c r="AH32" s="514"/>
      <c r="AI32" s="514"/>
      <c r="AJ32" s="514"/>
      <c r="AK32" s="514"/>
      <c r="AL32" s="515"/>
      <c r="AN32" s="3"/>
    </row>
    <row r="33" spans="2:40" x14ac:dyDescent="0.15">
      <c r="B33" s="536"/>
      <c r="C33" s="540"/>
      <c r="D33" s="540"/>
      <c r="E33" s="540"/>
      <c r="F33" s="540"/>
      <c r="G33" s="540"/>
      <c r="H33" s="540"/>
      <c r="I33" s="540"/>
      <c r="J33" s="540"/>
      <c r="K33" s="540"/>
      <c r="L33" s="537"/>
      <c r="M33" s="538"/>
      <c r="N33" s="517"/>
      <c r="O33" s="517"/>
      <c r="P33" s="517"/>
      <c r="Q33" s="517"/>
      <c r="R33" s="517"/>
      <c r="S33" s="517"/>
      <c r="T33" s="517"/>
      <c r="U33" s="517"/>
      <c r="V33" s="517"/>
      <c r="W33" s="517"/>
      <c r="X33" s="517"/>
      <c r="Y33" s="517"/>
      <c r="Z33" s="517"/>
      <c r="AA33" s="517"/>
      <c r="AB33" s="517"/>
      <c r="AC33" s="538"/>
      <c r="AD33" s="538"/>
      <c r="AE33" s="538"/>
      <c r="AF33" s="538"/>
      <c r="AG33" s="538"/>
      <c r="AH33" s="517"/>
      <c r="AI33" s="517"/>
      <c r="AJ33" s="517"/>
      <c r="AK33" s="517"/>
      <c r="AL33" s="518"/>
      <c r="AN33" s="3"/>
    </row>
    <row r="34" spans="2:40" ht="13.5" customHeight="1" x14ac:dyDescent="0.15">
      <c r="B34" s="534" t="s">
        <v>465</v>
      </c>
      <c r="C34" s="580" t="s">
        <v>437</v>
      </c>
      <c r="D34" s="581"/>
      <c r="E34" s="581"/>
      <c r="F34" s="581"/>
      <c r="G34" s="581"/>
      <c r="H34" s="581"/>
      <c r="I34" s="581"/>
      <c r="J34" s="581"/>
      <c r="K34" s="581"/>
      <c r="L34" s="581"/>
      <c r="M34" s="562" t="s">
        <v>438</v>
      </c>
      <c r="N34" s="563"/>
      <c r="O34" s="53" t="s">
        <v>466</v>
      </c>
      <c r="P34" s="49"/>
      <c r="Q34" s="50"/>
      <c r="R34" s="566" t="s">
        <v>439</v>
      </c>
      <c r="S34" s="567"/>
      <c r="T34" s="567"/>
      <c r="U34" s="567"/>
      <c r="V34" s="567"/>
      <c r="W34" s="567"/>
      <c r="X34" s="568"/>
      <c r="Y34" s="572" t="s">
        <v>440</v>
      </c>
      <c r="Z34" s="573"/>
      <c r="AA34" s="573"/>
      <c r="AB34" s="574"/>
      <c r="AC34" s="575" t="s">
        <v>441</v>
      </c>
      <c r="AD34" s="576"/>
      <c r="AE34" s="576"/>
      <c r="AF34" s="576"/>
      <c r="AG34" s="577"/>
      <c r="AH34" s="546" t="s">
        <v>467</v>
      </c>
      <c r="AI34" s="547"/>
      <c r="AJ34" s="547"/>
      <c r="AK34" s="547"/>
      <c r="AL34" s="548"/>
      <c r="AN34" s="3"/>
    </row>
    <row r="35" spans="2:40" ht="14.25" customHeight="1" x14ac:dyDescent="0.15">
      <c r="B35" s="535"/>
      <c r="C35" s="582"/>
      <c r="D35" s="583"/>
      <c r="E35" s="583"/>
      <c r="F35" s="583"/>
      <c r="G35" s="583"/>
      <c r="H35" s="583"/>
      <c r="I35" s="583"/>
      <c r="J35" s="583"/>
      <c r="K35" s="583"/>
      <c r="L35" s="583"/>
      <c r="M35" s="564"/>
      <c r="N35" s="565"/>
      <c r="O35" s="54" t="s">
        <v>468</v>
      </c>
      <c r="P35" s="51"/>
      <c r="Q35" s="52"/>
      <c r="R35" s="569"/>
      <c r="S35" s="570"/>
      <c r="T35" s="570"/>
      <c r="U35" s="570"/>
      <c r="V35" s="570"/>
      <c r="W35" s="570"/>
      <c r="X35" s="571"/>
      <c r="Y35" s="55" t="s">
        <v>442</v>
      </c>
      <c r="Z35" s="14"/>
      <c r="AA35" s="14"/>
      <c r="AB35" s="14"/>
      <c r="AC35" s="549" t="s">
        <v>443</v>
      </c>
      <c r="AD35" s="550"/>
      <c r="AE35" s="550"/>
      <c r="AF35" s="550"/>
      <c r="AG35" s="551"/>
      <c r="AH35" s="552" t="s">
        <v>469</v>
      </c>
      <c r="AI35" s="553"/>
      <c r="AJ35" s="553"/>
      <c r="AK35" s="553"/>
      <c r="AL35" s="554"/>
      <c r="AN35" s="3"/>
    </row>
    <row r="36" spans="2:40" ht="14.25" customHeight="1" x14ac:dyDescent="0.15">
      <c r="B36" s="535"/>
      <c r="C36" s="498"/>
      <c r="D36" s="68"/>
      <c r="E36" s="555" t="s">
        <v>30</v>
      </c>
      <c r="F36" s="555"/>
      <c r="G36" s="555"/>
      <c r="H36" s="555"/>
      <c r="I36" s="555"/>
      <c r="J36" s="555"/>
      <c r="K36" s="555"/>
      <c r="L36" s="556"/>
      <c r="M36" s="37"/>
      <c r="N36" s="36"/>
      <c r="O36" s="18"/>
      <c r="P36" s="19"/>
      <c r="Q36" s="36"/>
      <c r="R36" s="11" t="s">
        <v>498</v>
      </c>
      <c r="S36" s="5"/>
      <c r="T36" s="5"/>
      <c r="U36" s="5"/>
      <c r="V36" s="5"/>
      <c r="W36" s="5"/>
      <c r="X36" s="5"/>
      <c r="Y36" s="9"/>
      <c r="Z36" s="30"/>
      <c r="AA36" s="30"/>
      <c r="AB36" s="30"/>
      <c r="AC36" s="15"/>
      <c r="AD36" s="16"/>
      <c r="AE36" s="16"/>
      <c r="AF36" s="16"/>
      <c r="AG36" s="17"/>
      <c r="AH36" s="15"/>
      <c r="AI36" s="16"/>
      <c r="AJ36" s="16"/>
      <c r="AK36" s="16"/>
      <c r="AL36" s="17" t="s">
        <v>490</v>
      </c>
      <c r="AN36" s="3"/>
    </row>
    <row r="37" spans="2:40" ht="14.25" customHeight="1" x14ac:dyDescent="0.15">
      <c r="B37" s="535"/>
      <c r="C37" s="498"/>
      <c r="D37" s="68"/>
      <c r="E37" s="555" t="s">
        <v>444</v>
      </c>
      <c r="F37" s="557"/>
      <c r="G37" s="557"/>
      <c r="H37" s="557"/>
      <c r="I37" s="557"/>
      <c r="J37" s="557"/>
      <c r="K37" s="557"/>
      <c r="L37" s="558"/>
      <c r="M37" s="37"/>
      <c r="N37" s="36"/>
      <c r="O37" s="18"/>
      <c r="P37" s="19"/>
      <c r="Q37" s="36"/>
      <c r="R37" s="11" t="s">
        <v>498</v>
      </c>
      <c r="S37" s="5"/>
      <c r="T37" s="5"/>
      <c r="U37" s="5"/>
      <c r="V37" s="5"/>
      <c r="W37" s="5"/>
      <c r="X37" s="5"/>
      <c r="Y37" s="9"/>
      <c r="Z37" s="30"/>
      <c r="AA37" s="30"/>
      <c r="AB37" s="30"/>
      <c r="AC37" s="15"/>
      <c r="AD37" s="16"/>
      <c r="AE37" s="16"/>
      <c r="AF37" s="16"/>
      <c r="AG37" s="17"/>
      <c r="AH37" s="15"/>
      <c r="AI37" s="16"/>
      <c r="AJ37" s="16"/>
      <c r="AK37" s="16"/>
      <c r="AL37" s="17" t="s">
        <v>490</v>
      </c>
      <c r="AN37" s="3"/>
    </row>
    <row r="38" spans="2:40" ht="14.25" customHeight="1" x14ac:dyDescent="0.15">
      <c r="B38" s="535"/>
      <c r="C38" s="498"/>
      <c r="D38" s="68"/>
      <c r="E38" s="555" t="s">
        <v>76</v>
      </c>
      <c r="F38" s="557"/>
      <c r="G38" s="557"/>
      <c r="H38" s="557"/>
      <c r="I38" s="557"/>
      <c r="J38" s="557"/>
      <c r="K38" s="557"/>
      <c r="L38" s="558"/>
      <c r="M38" s="37"/>
      <c r="N38" s="36"/>
      <c r="O38" s="18"/>
      <c r="P38" s="19"/>
      <c r="Q38" s="36"/>
      <c r="R38" s="11" t="s">
        <v>498</v>
      </c>
      <c r="S38" s="5"/>
      <c r="T38" s="5"/>
      <c r="U38" s="5"/>
      <c r="V38" s="5"/>
      <c r="W38" s="5"/>
      <c r="X38" s="5"/>
      <c r="Y38" s="9"/>
      <c r="Z38" s="30"/>
      <c r="AA38" s="30"/>
      <c r="AB38" s="30"/>
      <c r="AC38" s="15"/>
      <c r="AD38" s="16"/>
      <c r="AE38" s="16"/>
      <c r="AF38" s="16"/>
      <c r="AG38" s="17"/>
      <c r="AH38" s="15"/>
      <c r="AI38" s="16"/>
      <c r="AJ38" s="16"/>
      <c r="AK38" s="16"/>
      <c r="AL38" s="17" t="s">
        <v>490</v>
      </c>
      <c r="AN38" s="3"/>
    </row>
    <row r="39" spans="2:40" ht="14.25" customHeight="1" x14ac:dyDescent="0.15">
      <c r="B39" s="535"/>
      <c r="C39" s="498"/>
      <c r="D39" s="68"/>
      <c r="E39" s="555" t="s">
        <v>445</v>
      </c>
      <c r="F39" s="557"/>
      <c r="G39" s="557"/>
      <c r="H39" s="557"/>
      <c r="I39" s="557"/>
      <c r="J39" s="557"/>
      <c r="K39" s="557"/>
      <c r="L39" s="558"/>
      <c r="M39" s="37"/>
      <c r="N39" s="36"/>
      <c r="O39" s="18"/>
      <c r="P39" s="19"/>
      <c r="Q39" s="36"/>
      <c r="R39" s="11" t="s">
        <v>498</v>
      </c>
      <c r="S39" s="5"/>
      <c r="T39" s="5"/>
      <c r="U39" s="5"/>
      <c r="V39" s="5"/>
      <c r="W39" s="5"/>
      <c r="X39" s="5"/>
      <c r="Y39" s="9"/>
      <c r="Z39" s="30"/>
      <c r="AA39" s="30"/>
      <c r="AB39" s="30"/>
      <c r="AC39" s="15"/>
      <c r="AD39" s="16"/>
      <c r="AE39" s="16"/>
      <c r="AF39" s="16"/>
      <c r="AG39" s="17"/>
      <c r="AH39" s="15"/>
      <c r="AI39" s="16"/>
      <c r="AJ39" s="16"/>
      <c r="AK39" s="16"/>
      <c r="AL39" s="17" t="s">
        <v>490</v>
      </c>
      <c r="AN39" s="3"/>
    </row>
    <row r="40" spans="2:40" ht="14.25" customHeight="1" x14ac:dyDescent="0.15">
      <c r="B40" s="535"/>
      <c r="C40" s="498"/>
      <c r="D40" s="68"/>
      <c r="E40" s="555" t="s">
        <v>119</v>
      </c>
      <c r="F40" s="557"/>
      <c r="G40" s="557"/>
      <c r="H40" s="557"/>
      <c r="I40" s="557"/>
      <c r="J40" s="557"/>
      <c r="K40" s="557"/>
      <c r="L40" s="558"/>
      <c r="M40" s="37"/>
      <c r="N40" s="36"/>
      <c r="O40" s="18"/>
      <c r="P40" s="19"/>
      <c r="Q40" s="36"/>
      <c r="R40" s="11" t="s">
        <v>498</v>
      </c>
      <c r="S40" s="5"/>
      <c r="T40" s="5"/>
      <c r="U40" s="5"/>
      <c r="V40" s="5"/>
      <c r="W40" s="5"/>
      <c r="X40" s="5"/>
      <c r="Y40" s="9"/>
      <c r="Z40" s="30"/>
      <c r="AA40" s="30"/>
      <c r="AB40" s="30"/>
      <c r="AC40" s="15"/>
      <c r="AD40" s="16"/>
      <c r="AE40" s="16"/>
      <c r="AF40" s="16"/>
      <c r="AG40" s="17"/>
      <c r="AH40" s="15"/>
      <c r="AI40" s="16"/>
      <c r="AJ40" s="16"/>
      <c r="AK40" s="16"/>
      <c r="AL40" s="17" t="s">
        <v>490</v>
      </c>
      <c r="AN40" s="3"/>
    </row>
    <row r="41" spans="2:40" ht="14.25" customHeight="1" thickBot="1" x14ac:dyDescent="0.2">
      <c r="B41" s="535"/>
      <c r="C41" s="498"/>
      <c r="D41" s="69"/>
      <c r="E41" s="559" t="s">
        <v>470</v>
      </c>
      <c r="F41" s="560"/>
      <c r="G41" s="560"/>
      <c r="H41" s="560"/>
      <c r="I41" s="560"/>
      <c r="J41" s="560"/>
      <c r="K41" s="560"/>
      <c r="L41" s="561"/>
      <c r="M41" s="70"/>
      <c r="N41" s="35"/>
      <c r="O41" s="79"/>
      <c r="P41" s="34"/>
      <c r="Q41" s="35"/>
      <c r="R41" s="4" t="s">
        <v>498</v>
      </c>
      <c r="S41" s="80"/>
      <c r="T41" s="80"/>
      <c r="U41" s="80"/>
      <c r="V41" s="80"/>
      <c r="W41" s="80"/>
      <c r="X41" s="80"/>
      <c r="Y41" s="6"/>
      <c r="Z41" s="66"/>
      <c r="AA41" s="66"/>
      <c r="AB41" s="66"/>
      <c r="AC41" s="56"/>
      <c r="AD41" s="57"/>
      <c r="AE41" s="57"/>
      <c r="AF41" s="57"/>
      <c r="AG41" s="58"/>
      <c r="AH41" s="56"/>
      <c r="AI41" s="57"/>
      <c r="AJ41" s="57"/>
      <c r="AK41" s="57"/>
      <c r="AL41" s="58" t="s">
        <v>490</v>
      </c>
      <c r="AN41" s="3"/>
    </row>
    <row r="42" spans="2:40" ht="14.25" customHeight="1" thickTop="1" x14ac:dyDescent="0.15">
      <c r="B42" s="535"/>
      <c r="C42" s="498"/>
      <c r="D42" s="71"/>
      <c r="E42" s="584" t="s">
        <v>499</v>
      </c>
      <c r="F42" s="584"/>
      <c r="G42" s="584"/>
      <c r="H42" s="584"/>
      <c r="I42" s="584"/>
      <c r="J42" s="584"/>
      <c r="K42" s="584"/>
      <c r="L42" s="585"/>
      <c r="M42" s="72"/>
      <c r="N42" s="74"/>
      <c r="O42" s="81"/>
      <c r="P42" s="73"/>
      <c r="Q42" s="74"/>
      <c r="R42" s="82" t="s">
        <v>498</v>
      </c>
      <c r="S42" s="83"/>
      <c r="T42" s="83"/>
      <c r="U42" s="83"/>
      <c r="V42" s="83"/>
      <c r="W42" s="83"/>
      <c r="X42" s="83"/>
      <c r="Y42" s="75"/>
      <c r="Z42" s="76"/>
      <c r="AA42" s="76"/>
      <c r="AB42" s="76"/>
      <c r="AC42" s="84"/>
      <c r="AD42" s="77"/>
      <c r="AE42" s="77"/>
      <c r="AF42" s="77"/>
      <c r="AG42" s="78"/>
      <c r="AH42" s="84"/>
      <c r="AI42" s="77"/>
      <c r="AJ42" s="77"/>
      <c r="AK42" s="77"/>
      <c r="AL42" s="78" t="s">
        <v>490</v>
      </c>
      <c r="AN42" s="3"/>
    </row>
    <row r="43" spans="2:40" ht="14.25" customHeight="1" x14ac:dyDescent="0.15">
      <c r="B43" s="535"/>
      <c r="C43" s="498"/>
      <c r="D43" s="68"/>
      <c r="E43" s="555" t="s">
        <v>230</v>
      </c>
      <c r="F43" s="557"/>
      <c r="G43" s="557"/>
      <c r="H43" s="557"/>
      <c r="I43" s="557"/>
      <c r="J43" s="557"/>
      <c r="K43" s="557"/>
      <c r="L43" s="558"/>
      <c r="M43" s="37"/>
      <c r="N43" s="36"/>
      <c r="O43" s="18"/>
      <c r="P43" s="19"/>
      <c r="Q43" s="36"/>
      <c r="R43" s="11" t="s">
        <v>498</v>
      </c>
      <c r="S43" s="5"/>
      <c r="T43" s="5"/>
      <c r="U43" s="5"/>
      <c r="V43" s="5"/>
      <c r="W43" s="5"/>
      <c r="X43" s="5"/>
      <c r="Y43" s="9"/>
      <c r="Z43" s="30"/>
      <c r="AA43" s="30"/>
      <c r="AB43" s="30"/>
      <c r="AC43" s="15"/>
      <c r="AD43" s="16"/>
      <c r="AE43" s="16"/>
      <c r="AF43" s="16"/>
      <c r="AG43" s="17"/>
      <c r="AH43" s="15"/>
      <c r="AI43" s="16"/>
      <c r="AJ43" s="16"/>
      <c r="AK43" s="16"/>
      <c r="AL43" s="17" t="s">
        <v>490</v>
      </c>
      <c r="AN43" s="3"/>
    </row>
    <row r="44" spans="2:40" ht="14.25" customHeight="1" x14ac:dyDescent="0.15">
      <c r="B44" s="535"/>
      <c r="C44" s="498"/>
      <c r="D44" s="68"/>
      <c r="E44" s="555" t="s">
        <v>500</v>
      </c>
      <c r="F44" s="557"/>
      <c r="G44" s="557"/>
      <c r="H44" s="557"/>
      <c r="I44" s="557"/>
      <c r="J44" s="557"/>
      <c r="K44" s="557"/>
      <c r="L44" s="558"/>
      <c r="M44" s="37"/>
      <c r="N44" s="36"/>
      <c r="O44" s="18"/>
      <c r="P44" s="19"/>
      <c r="Q44" s="36"/>
      <c r="R44" s="11" t="s">
        <v>498</v>
      </c>
      <c r="S44" s="5"/>
      <c r="T44" s="5"/>
      <c r="U44" s="5"/>
      <c r="V44" s="5"/>
      <c r="W44" s="5"/>
      <c r="X44" s="5"/>
      <c r="Y44" s="9"/>
      <c r="Z44" s="30"/>
      <c r="AA44" s="30"/>
      <c r="AB44" s="30"/>
      <c r="AC44" s="15"/>
      <c r="AD44" s="16"/>
      <c r="AE44" s="16"/>
      <c r="AF44" s="16"/>
      <c r="AG44" s="17"/>
      <c r="AH44" s="15"/>
      <c r="AI44" s="16"/>
      <c r="AJ44" s="16"/>
      <c r="AK44" s="16"/>
      <c r="AL44" s="17" t="s">
        <v>490</v>
      </c>
      <c r="AN44" s="3"/>
    </row>
    <row r="45" spans="2:40" ht="14.25" customHeight="1" x14ac:dyDescent="0.15">
      <c r="B45" s="535"/>
      <c r="C45" s="498"/>
      <c r="D45" s="68"/>
      <c r="E45" s="555" t="s">
        <v>235</v>
      </c>
      <c r="F45" s="557"/>
      <c r="G45" s="557"/>
      <c r="H45" s="557"/>
      <c r="I45" s="557"/>
      <c r="J45" s="557"/>
      <c r="K45" s="557"/>
      <c r="L45" s="558"/>
      <c r="M45" s="37"/>
      <c r="N45" s="36"/>
      <c r="O45" s="18"/>
      <c r="P45" s="19"/>
      <c r="Q45" s="36"/>
      <c r="R45" s="11" t="s">
        <v>498</v>
      </c>
      <c r="S45" s="5"/>
      <c r="T45" s="5"/>
      <c r="U45" s="5"/>
      <c r="V45" s="5"/>
      <c r="W45" s="5"/>
      <c r="X45" s="5"/>
      <c r="Y45" s="9"/>
      <c r="Z45" s="30"/>
      <c r="AA45" s="30"/>
      <c r="AB45" s="30"/>
      <c r="AC45" s="15"/>
      <c r="AD45" s="16"/>
      <c r="AE45" s="16"/>
      <c r="AF45" s="16"/>
      <c r="AG45" s="17"/>
      <c r="AH45" s="15"/>
      <c r="AI45" s="16"/>
      <c r="AJ45" s="16"/>
      <c r="AK45" s="16"/>
      <c r="AL45" s="17" t="s">
        <v>490</v>
      </c>
      <c r="AN45" s="3"/>
    </row>
    <row r="46" spans="2:40" ht="14.25" customHeight="1" x14ac:dyDescent="0.15">
      <c r="B46" s="535"/>
      <c r="C46" s="498"/>
      <c r="D46" s="68"/>
      <c r="E46" s="555" t="s">
        <v>446</v>
      </c>
      <c r="F46" s="557"/>
      <c r="G46" s="557"/>
      <c r="H46" s="557"/>
      <c r="I46" s="557"/>
      <c r="J46" s="557"/>
      <c r="K46" s="557"/>
      <c r="L46" s="558"/>
      <c r="M46" s="37"/>
      <c r="N46" s="36"/>
      <c r="O46" s="18"/>
      <c r="P46" s="19"/>
      <c r="Q46" s="36"/>
      <c r="R46" s="11" t="s">
        <v>498</v>
      </c>
      <c r="S46" s="5"/>
      <c r="T46" s="5"/>
      <c r="U46" s="5"/>
      <c r="V46" s="5"/>
      <c r="W46" s="5"/>
      <c r="X46" s="5"/>
      <c r="Y46" s="9"/>
      <c r="Z46" s="30"/>
      <c r="AA46" s="30"/>
      <c r="AB46" s="30"/>
      <c r="AC46" s="15"/>
      <c r="AD46" s="16"/>
      <c r="AE46" s="16"/>
      <c r="AF46" s="16"/>
      <c r="AG46" s="17"/>
      <c r="AH46" s="15"/>
      <c r="AI46" s="16"/>
      <c r="AJ46" s="16"/>
      <c r="AK46" s="16"/>
      <c r="AL46" s="17" t="s">
        <v>490</v>
      </c>
      <c r="AN46" s="3"/>
    </row>
    <row r="47" spans="2:40" ht="14.25" customHeight="1" x14ac:dyDescent="0.15">
      <c r="B47" s="536"/>
      <c r="C47" s="498"/>
      <c r="D47" s="68"/>
      <c r="E47" s="555" t="s">
        <v>240</v>
      </c>
      <c r="F47" s="557"/>
      <c r="G47" s="557"/>
      <c r="H47" s="557"/>
      <c r="I47" s="557"/>
      <c r="J47" s="557"/>
      <c r="K47" s="557"/>
      <c r="L47" s="558"/>
      <c r="M47" s="37"/>
      <c r="N47" s="36"/>
      <c r="O47" s="18"/>
      <c r="P47" s="19"/>
      <c r="Q47" s="36"/>
      <c r="R47" s="11" t="s">
        <v>498</v>
      </c>
      <c r="S47" s="5"/>
      <c r="T47" s="5"/>
      <c r="U47" s="5"/>
      <c r="V47" s="5"/>
      <c r="W47" s="5"/>
      <c r="X47" s="5"/>
      <c r="Y47" s="9"/>
      <c r="Z47" s="30"/>
      <c r="AA47" s="30"/>
      <c r="AB47" s="30"/>
      <c r="AC47" s="15"/>
      <c r="AD47" s="16"/>
      <c r="AE47" s="16"/>
      <c r="AF47" s="16"/>
      <c r="AG47" s="17"/>
      <c r="AH47" s="15"/>
      <c r="AI47" s="16"/>
      <c r="AJ47" s="16"/>
      <c r="AK47" s="16"/>
      <c r="AL47" s="17" t="s">
        <v>490</v>
      </c>
      <c r="AN47" s="3"/>
    </row>
    <row r="48" spans="2:40" ht="14.25" customHeight="1" x14ac:dyDescent="0.15">
      <c r="B48" s="578" t="s">
        <v>471</v>
      </c>
      <c r="C48" s="578"/>
      <c r="D48" s="578"/>
      <c r="E48" s="578"/>
      <c r="F48" s="578"/>
      <c r="G48" s="578"/>
      <c r="H48" s="578"/>
      <c r="I48" s="578"/>
      <c r="J48" s="578"/>
      <c r="K48" s="578"/>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578" t="s">
        <v>472</v>
      </c>
      <c r="C49" s="578"/>
      <c r="D49" s="578"/>
      <c r="E49" s="578"/>
      <c r="F49" s="578"/>
      <c r="G49" s="578"/>
      <c r="H49" s="578"/>
      <c r="I49" s="578"/>
      <c r="J49" s="578"/>
      <c r="K49" s="579"/>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525" t="s">
        <v>447</v>
      </c>
      <c r="C50" s="525"/>
      <c r="D50" s="525"/>
      <c r="E50" s="525"/>
      <c r="F50" s="525"/>
      <c r="G50" s="525"/>
      <c r="H50" s="525"/>
      <c r="I50" s="525"/>
      <c r="J50" s="525"/>
      <c r="K50" s="525"/>
      <c r="L50" s="61"/>
      <c r="M50" s="62"/>
      <c r="N50" s="62"/>
      <c r="O50" s="62"/>
      <c r="P50" s="62"/>
      <c r="Q50" s="62"/>
      <c r="R50" s="63"/>
      <c r="S50" s="63"/>
      <c r="T50" s="63"/>
      <c r="U50" s="64"/>
      <c r="V50" s="9" t="s">
        <v>473</v>
      </c>
      <c r="W50" s="10"/>
      <c r="X50" s="10"/>
      <c r="Y50" s="10"/>
      <c r="Z50" s="30"/>
      <c r="AA50" s="30"/>
      <c r="AB50" s="30"/>
      <c r="AC50" s="16"/>
      <c r="AD50" s="16"/>
      <c r="AE50" s="16"/>
      <c r="AF50" s="16"/>
      <c r="AG50" s="16"/>
      <c r="AH50" s="47"/>
      <c r="AI50" s="16"/>
      <c r="AJ50" s="16"/>
      <c r="AK50" s="16"/>
      <c r="AL50" s="17"/>
      <c r="AN50" s="3"/>
    </row>
    <row r="51" spans="2:40" ht="14.25" customHeight="1" x14ac:dyDescent="0.15">
      <c r="B51" s="586" t="s">
        <v>474</v>
      </c>
      <c r="C51" s="586"/>
      <c r="D51" s="586"/>
      <c r="E51" s="586"/>
      <c r="F51" s="586"/>
      <c r="G51" s="586"/>
      <c r="H51" s="586"/>
      <c r="I51" s="586"/>
      <c r="J51" s="586"/>
      <c r="K51" s="586"/>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587" t="s">
        <v>448</v>
      </c>
      <c r="C52" s="588"/>
      <c r="D52" s="588"/>
      <c r="E52" s="588"/>
      <c r="F52" s="588"/>
      <c r="G52" s="588"/>
      <c r="H52" s="588"/>
      <c r="I52" s="588"/>
      <c r="J52" s="588"/>
      <c r="K52" s="588"/>
      <c r="L52" s="588"/>
      <c r="M52" s="588"/>
      <c r="N52" s="588"/>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497" t="s">
        <v>449</v>
      </c>
      <c r="C53" s="589" t="s">
        <v>450</v>
      </c>
      <c r="D53" s="528"/>
      <c r="E53" s="528"/>
      <c r="F53" s="528"/>
      <c r="G53" s="528"/>
      <c r="H53" s="528"/>
      <c r="I53" s="528"/>
      <c r="J53" s="528"/>
      <c r="K53" s="528"/>
      <c r="L53" s="528"/>
      <c r="M53" s="528"/>
      <c r="N53" s="528"/>
      <c r="O53" s="528"/>
      <c r="P53" s="528"/>
      <c r="Q53" s="528"/>
      <c r="R53" s="528"/>
      <c r="S53" s="528"/>
      <c r="T53" s="529"/>
      <c r="U53" s="589" t="s">
        <v>451</v>
      </c>
      <c r="V53" s="590"/>
      <c r="W53" s="590"/>
      <c r="X53" s="590"/>
      <c r="Y53" s="590"/>
      <c r="Z53" s="590"/>
      <c r="AA53" s="590"/>
      <c r="AB53" s="590"/>
      <c r="AC53" s="590"/>
      <c r="AD53" s="590"/>
      <c r="AE53" s="590"/>
      <c r="AF53" s="590"/>
      <c r="AG53" s="590"/>
      <c r="AH53" s="590"/>
      <c r="AI53" s="590"/>
      <c r="AJ53" s="590"/>
      <c r="AK53" s="590"/>
      <c r="AL53" s="591"/>
      <c r="AN53" s="3"/>
    </row>
    <row r="54" spans="2:40" x14ac:dyDescent="0.15">
      <c r="B54" s="498"/>
      <c r="C54" s="592"/>
      <c r="D54" s="593"/>
      <c r="E54" s="593"/>
      <c r="F54" s="593"/>
      <c r="G54" s="593"/>
      <c r="H54" s="593"/>
      <c r="I54" s="593"/>
      <c r="J54" s="593"/>
      <c r="K54" s="593"/>
      <c r="L54" s="593"/>
      <c r="M54" s="593"/>
      <c r="N54" s="593"/>
      <c r="O54" s="593"/>
      <c r="P54" s="593"/>
      <c r="Q54" s="593"/>
      <c r="R54" s="593"/>
      <c r="S54" s="593"/>
      <c r="T54" s="563"/>
      <c r="U54" s="592"/>
      <c r="V54" s="593"/>
      <c r="W54" s="593"/>
      <c r="X54" s="593"/>
      <c r="Y54" s="593"/>
      <c r="Z54" s="593"/>
      <c r="AA54" s="593"/>
      <c r="AB54" s="593"/>
      <c r="AC54" s="593"/>
      <c r="AD54" s="593"/>
      <c r="AE54" s="593"/>
      <c r="AF54" s="593"/>
      <c r="AG54" s="593"/>
      <c r="AH54" s="593"/>
      <c r="AI54" s="593"/>
      <c r="AJ54" s="593"/>
      <c r="AK54" s="593"/>
      <c r="AL54" s="563"/>
      <c r="AN54" s="3"/>
    </row>
    <row r="55" spans="2:40" x14ac:dyDescent="0.15">
      <c r="B55" s="498"/>
      <c r="C55" s="594"/>
      <c r="D55" s="595"/>
      <c r="E55" s="595"/>
      <c r="F55" s="595"/>
      <c r="G55" s="595"/>
      <c r="H55" s="595"/>
      <c r="I55" s="595"/>
      <c r="J55" s="595"/>
      <c r="K55" s="595"/>
      <c r="L55" s="595"/>
      <c r="M55" s="595"/>
      <c r="N55" s="595"/>
      <c r="O55" s="595"/>
      <c r="P55" s="595"/>
      <c r="Q55" s="595"/>
      <c r="R55" s="595"/>
      <c r="S55" s="595"/>
      <c r="T55" s="565"/>
      <c r="U55" s="594"/>
      <c r="V55" s="595"/>
      <c r="W55" s="595"/>
      <c r="X55" s="595"/>
      <c r="Y55" s="595"/>
      <c r="Z55" s="595"/>
      <c r="AA55" s="595"/>
      <c r="AB55" s="595"/>
      <c r="AC55" s="595"/>
      <c r="AD55" s="595"/>
      <c r="AE55" s="595"/>
      <c r="AF55" s="595"/>
      <c r="AG55" s="595"/>
      <c r="AH55" s="595"/>
      <c r="AI55" s="595"/>
      <c r="AJ55" s="595"/>
      <c r="AK55" s="595"/>
      <c r="AL55" s="565"/>
      <c r="AN55" s="3"/>
    </row>
    <row r="56" spans="2:40" x14ac:dyDescent="0.15">
      <c r="B56" s="498"/>
      <c r="C56" s="594"/>
      <c r="D56" s="595"/>
      <c r="E56" s="595"/>
      <c r="F56" s="595"/>
      <c r="G56" s="595"/>
      <c r="H56" s="595"/>
      <c r="I56" s="595"/>
      <c r="J56" s="595"/>
      <c r="K56" s="595"/>
      <c r="L56" s="595"/>
      <c r="M56" s="595"/>
      <c r="N56" s="595"/>
      <c r="O56" s="595"/>
      <c r="P56" s="595"/>
      <c r="Q56" s="595"/>
      <c r="R56" s="595"/>
      <c r="S56" s="595"/>
      <c r="T56" s="565"/>
      <c r="U56" s="594"/>
      <c r="V56" s="595"/>
      <c r="W56" s="595"/>
      <c r="X56" s="595"/>
      <c r="Y56" s="595"/>
      <c r="Z56" s="595"/>
      <c r="AA56" s="595"/>
      <c r="AB56" s="595"/>
      <c r="AC56" s="595"/>
      <c r="AD56" s="595"/>
      <c r="AE56" s="595"/>
      <c r="AF56" s="595"/>
      <c r="AG56" s="595"/>
      <c r="AH56" s="595"/>
      <c r="AI56" s="595"/>
      <c r="AJ56" s="595"/>
      <c r="AK56" s="595"/>
      <c r="AL56" s="565"/>
      <c r="AN56" s="3"/>
    </row>
    <row r="57" spans="2:40" x14ac:dyDescent="0.15">
      <c r="B57" s="499"/>
      <c r="C57" s="596"/>
      <c r="D57" s="590"/>
      <c r="E57" s="590"/>
      <c r="F57" s="590"/>
      <c r="G57" s="590"/>
      <c r="H57" s="590"/>
      <c r="I57" s="590"/>
      <c r="J57" s="590"/>
      <c r="K57" s="590"/>
      <c r="L57" s="590"/>
      <c r="M57" s="590"/>
      <c r="N57" s="590"/>
      <c r="O57" s="590"/>
      <c r="P57" s="590"/>
      <c r="Q57" s="590"/>
      <c r="R57" s="590"/>
      <c r="S57" s="590"/>
      <c r="T57" s="591"/>
      <c r="U57" s="596"/>
      <c r="V57" s="590"/>
      <c r="W57" s="590"/>
      <c r="X57" s="590"/>
      <c r="Y57" s="590"/>
      <c r="Z57" s="590"/>
      <c r="AA57" s="590"/>
      <c r="AB57" s="590"/>
      <c r="AC57" s="590"/>
      <c r="AD57" s="590"/>
      <c r="AE57" s="590"/>
      <c r="AF57" s="590"/>
      <c r="AG57" s="590"/>
      <c r="AH57" s="590"/>
      <c r="AI57" s="590"/>
      <c r="AJ57" s="590"/>
      <c r="AK57" s="590"/>
      <c r="AL57" s="591"/>
      <c r="AN57" s="3"/>
    </row>
    <row r="58" spans="2:40" ht="14.25" customHeight="1" x14ac:dyDescent="0.15">
      <c r="B58" s="490" t="s">
        <v>452</v>
      </c>
      <c r="C58" s="491"/>
      <c r="D58" s="491"/>
      <c r="E58" s="491"/>
      <c r="F58" s="492"/>
      <c r="G58" s="525" t="s">
        <v>453</v>
      </c>
      <c r="H58" s="525"/>
      <c r="I58" s="525"/>
      <c r="J58" s="525"/>
      <c r="K58" s="525"/>
      <c r="L58" s="525"/>
      <c r="M58" s="525"/>
      <c r="N58" s="525"/>
      <c r="O58" s="525"/>
      <c r="P58" s="525"/>
      <c r="Q58" s="525"/>
      <c r="R58" s="525"/>
      <c r="S58" s="525"/>
      <c r="T58" s="525"/>
      <c r="U58" s="525"/>
      <c r="V58" s="525"/>
      <c r="W58" s="525"/>
      <c r="X58" s="525"/>
      <c r="Y58" s="525"/>
      <c r="Z58" s="525"/>
      <c r="AA58" s="525"/>
      <c r="AB58" s="525"/>
      <c r="AC58" s="525"/>
      <c r="AD58" s="525"/>
      <c r="AE58" s="525"/>
      <c r="AF58" s="525"/>
      <c r="AG58" s="525"/>
      <c r="AH58" s="525"/>
      <c r="AI58" s="525"/>
      <c r="AJ58" s="525"/>
      <c r="AK58" s="525"/>
      <c r="AL58" s="525"/>
      <c r="AN58" s="3"/>
    </row>
    <row r="60" spans="2:40" x14ac:dyDescent="0.15">
      <c r="B60" s="14" t="s">
        <v>475</v>
      </c>
    </row>
    <row r="61" spans="2:40" x14ac:dyDescent="0.15">
      <c r="B61" s="14" t="s">
        <v>476</v>
      </c>
    </row>
    <row r="62" spans="2:40" x14ac:dyDescent="0.15">
      <c r="B62" s="14" t="s">
        <v>477</v>
      </c>
    </row>
    <row r="63" spans="2:40" x14ac:dyDescent="0.15">
      <c r="B63" s="14" t="s">
        <v>454</v>
      </c>
    </row>
    <row r="64" spans="2:40" x14ac:dyDescent="0.15">
      <c r="B64" s="14" t="s">
        <v>455</v>
      </c>
    </row>
    <row r="65" spans="2:41" x14ac:dyDescent="0.15">
      <c r="B65" s="14" t="s">
        <v>501</v>
      </c>
    </row>
    <row r="66" spans="2:41" x14ac:dyDescent="0.15">
      <c r="B66" s="14" t="s">
        <v>502</v>
      </c>
      <c r="AN66" s="3"/>
      <c r="AO66" s="14"/>
    </row>
    <row r="67" spans="2:41" x14ac:dyDescent="0.15">
      <c r="B67" s="14" t="s">
        <v>478</v>
      </c>
    </row>
    <row r="68" spans="2:41" x14ac:dyDescent="0.15">
      <c r="B68" s="14" t="s">
        <v>479</v>
      </c>
    </row>
    <row r="69" spans="2:41" x14ac:dyDescent="0.15">
      <c r="B69" s="14" t="s">
        <v>480</v>
      </c>
    </row>
    <row r="70" spans="2:41" x14ac:dyDescent="0.15">
      <c r="B70" s="14" t="s">
        <v>456</v>
      </c>
    </row>
    <row r="84" spans="2:2" ht="12.75" customHeight="1" x14ac:dyDescent="0.15">
      <c r="B84" s="46"/>
    </row>
    <row r="85" spans="2:2" ht="12.75" customHeight="1" x14ac:dyDescent="0.15">
      <c r="B85" s="46" t="s">
        <v>487</v>
      </c>
    </row>
    <row r="86" spans="2:2" ht="12.75" customHeight="1" x14ac:dyDescent="0.15">
      <c r="B86" s="46" t="s">
        <v>488</v>
      </c>
    </row>
    <row r="87" spans="2:2" ht="12.75" customHeight="1" x14ac:dyDescent="0.15">
      <c r="B87" s="46" t="s">
        <v>481</v>
      </c>
    </row>
    <row r="88" spans="2:2" ht="12.75" customHeight="1" x14ac:dyDescent="0.15">
      <c r="B88" s="46" t="s">
        <v>482</v>
      </c>
    </row>
    <row r="89" spans="2:2" ht="12.75" customHeight="1" x14ac:dyDescent="0.15">
      <c r="B89" s="46" t="s">
        <v>483</v>
      </c>
    </row>
    <row r="90" spans="2:2" ht="12.75" customHeight="1" x14ac:dyDescent="0.15">
      <c r="B90" s="46" t="s">
        <v>484</v>
      </c>
    </row>
    <row r="91" spans="2:2" ht="12.75" customHeight="1" x14ac:dyDescent="0.15">
      <c r="B91" s="46" t="s">
        <v>485</v>
      </c>
    </row>
    <row r="92" spans="2:2" ht="12.75" customHeight="1" x14ac:dyDescent="0.15">
      <c r="B92" s="46" t="s">
        <v>486</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別紙１-１ｰ２</vt:lpstr>
      <vt:lpstr>備考（1）</vt:lpstr>
      <vt:lpstr>別紙１ｰ２ｰ２</vt:lpstr>
      <vt:lpstr>備考（1－2）</vt:lpstr>
      <vt:lpstr>別紙１ｰ３ｰ２</vt:lpstr>
      <vt:lpstr>備考（1－3）</vt:lpstr>
      <vt:lpstr>別紙●24</vt:lpstr>
      <vt:lpstr>'備考（1）'!Print_Area</vt:lpstr>
      <vt:lpstr>'備考（1－2）'!Print_Area</vt:lpstr>
      <vt:lpstr>'備考（1－3）'!Print_Area</vt:lpstr>
      <vt:lpstr>別紙１ｰ２ｰ２!Print_Area</vt:lpstr>
      <vt:lpstr>別紙１ｰ３ｰ２!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髙橋果林</dc:creator>
  <cp:keywords/>
  <dc:description/>
  <cp:lastModifiedBy>Administrator</cp:lastModifiedBy>
  <cp:revision/>
  <cp:lastPrinted>2024-03-15T14:38:08Z</cp:lastPrinted>
  <dcterms:created xsi:type="dcterms:W3CDTF">2023-01-16T02:34:32Z</dcterms:created>
  <dcterms:modified xsi:type="dcterms:W3CDTF">2024-04-15T05:41:34Z</dcterms:modified>
  <cp:category/>
  <cp:contentStatus/>
</cp:coreProperties>
</file>